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7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xlxs\"/>
    </mc:Choice>
  </mc:AlternateContent>
  <xr:revisionPtr revIDLastSave="0" documentId="13_ncr:40009_{5B60E867-979C-4782-9E35-1EF69AC34DF9}" xr6:coauthVersionLast="47" xr6:coauthVersionMax="47" xr10:uidLastSave="{00000000-0000-0000-0000-000000000000}"/>
  <bookViews>
    <workbookView xWindow="4860" yWindow="1275" windowWidth="23670" windowHeight="12750"/>
  </bookViews>
  <sheets>
    <sheet name="ChargeSetting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485" uniqueCount="94">
  <si>
    <t xml:space="preserve">昼2hﾌﾘｰ             </t>
  </si>
  <si>
    <t xml:space="preserve">昼3hﾌﾘｰ             </t>
  </si>
  <si>
    <t xml:space="preserve">昼4hﾌﾘｰ             </t>
  </si>
  <si>
    <t xml:space="preserve">昼ﾛﾝｸﾞﾌﾘｰ           </t>
  </si>
  <si>
    <t xml:space="preserve">2h20円ﾌﾘｰ           </t>
  </si>
  <si>
    <t xml:space="preserve">早得2hﾌﾘｰﾀｲﾑ        </t>
  </si>
  <si>
    <t xml:space="preserve">年末昼ﾌﾘ2h          </t>
  </si>
  <si>
    <t xml:space="preserve">年末昼ﾌﾘ3h          </t>
  </si>
  <si>
    <t xml:space="preserve">年末昼ﾌﾘ4h          </t>
  </si>
  <si>
    <t xml:space="preserve">年末昼ﾌﾘﾛﾝｸﾞ        </t>
  </si>
  <si>
    <t xml:space="preserve">日～木飲み放題A     </t>
  </si>
  <si>
    <t xml:space="preserve">金土飲み放題A       </t>
  </si>
  <si>
    <t xml:space="preserve">日～木飲み放題B     </t>
  </si>
  <si>
    <t xml:space="preserve">金土飲み放題B       </t>
  </si>
  <si>
    <t xml:space="preserve">日～木飲み放題C     </t>
  </si>
  <si>
    <t xml:space="preserve">金土飲み放題C       </t>
  </si>
  <si>
    <t xml:space="preserve">日～木ﾌﾟﾚﾐｱﾑ        </t>
  </si>
  <si>
    <t xml:space="preserve">金土ﾌﾟﾚﾐｱﾑ          </t>
  </si>
  <si>
    <t xml:space="preserve">日～木ﾌﾟﾚﾐｱﾑｺｰｽ     </t>
  </si>
  <si>
    <t xml:space="preserve">金土ﾌﾟﾚﾐｱﾑｺｰｽ       </t>
  </si>
  <si>
    <t xml:space="preserve">夜3hﾌﾘｰﾀｲﾑA         </t>
  </si>
  <si>
    <t xml:space="preserve">夜3hﾌﾘｰﾀｲﾑB         </t>
  </si>
  <si>
    <t xml:space="preserve">夜3hﾌﾘｰﾀｲﾑC         </t>
  </si>
  <si>
    <t xml:space="preserve">夜3hﾌﾟﾚﾐｱﾑｺｰｽ       </t>
  </si>
  <si>
    <t xml:space="preserve">学割                </t>
  </si>
  <si>
    <t xml:space="preserve">土日0円             </t>
  </si>
  <si>
    <t xml:space="preserve">3時以降夜ﾌﾘA        </t>
  </si>
  <si>
    <t xml:space="preserve">3時以降夜ﾌﾘB        </t>
  </si>
  <si>
    <t xml:space="preserve">3時以降夜ﾌﾘC        </t>
  </si>
  <si>
    <t xml:space="preserve">年末ソフト          </t>
  </si>
  <si>
    <t xml:space="preserve">年末飲み放題C       </t>
  </si>
  <si>
    <t xml:space="preserve">年末飲み放題P       </t>
  </si>
  <si>
    <t xml:space="preserve">年末3hA             </t>
  </si>
  <si>
    <t xml:space="preserve">年末3hB             </t>
  </si>
  <si>
    <t xml:space="preserve">学生ｱﾙｺｰﾙ           </t>
  </si>
  <si>
    <t xml:space="preserve">年末夜ﾌﾘA           </t>
  </si>
  <si>
    <t xml:space="preserve">年末夜ﾌﾘC           </t>
  </si>
  <si>
    <t xml:space="preserve">年末夜ﾌﾘP           </t>
  </si>
  <si>
    <t xml:space="preserve">年末昼ﾌﾘ2h②        </t>
  </si>
  <si>
    <t xml:space="preserve">年末昼ﾌﾘ3h②        </t>
  </si>
  <si>
    <t xml:space="preserve">年末昼ﾌﾘ4h②        </t>
  </si>
  <si>
    <t xml:space="preserve">3時以降夜ﾌﾘP        </t>
  </si>
  <si>
    <t xml:space="preserve">半額Aｺｰｽ1h          </t>
  </si>
  <si>
    <t xml:space="preserve">半額Bｺｰｽ1h          </t>
  </si>
  <si>
    <t xml:space="preserve">半額Aｺｰｽ1h(週末)    </t>
  </si>
  <si>
    <t xml:space="preserve">半額Bｺｰｽ1h(週末)    </t>
  </si>
  <si>
    <t xml:space="preserve">半額夜ﾌﾘA           </t>
  </si>
  <si>
    <t xml:space="preserve">半額夜ﾌﾘB           </t>
  </si>
  <si>
    <t xml:space="preserve">半額夜ﾌﾘA(週末)     </t>
  </si>
  <si>
    <t xml:space="preserve">半額夜ﾌﾘB(週末)     </t>
  </si>
  <si>
    <t xml:space="preserve">超ﾛﾝｸﾞﾌﾘｰﾀｲﾑ        </t>
  </si>
  <si>
    <t xml:space="preserve">学生ｱﾙｺｰﾙﾌﾘｰ        </t>
  </si>
  <si>
    <t xml:space="preserve">年末昼2hﾌﾘｰ         </t>
  </si>
  <si>
    <t xml:space="preserve">年末昼3hﾌﾘｰ         </t>
  </si>
  <si>
    <t xml:space="preserve">年末昼4hﾌﾘｰ         </t>
  </si>
  <si>
    <t xml:space="preserve">年末昼5hﾌﾘｰ         </t>
  </si>
  <si>
    <t xml:space="preserve">                    </t>
  </si>
  <si>
    <t>ChargeCode</t>
  </si>
  <si>
    <t>Name</t>
  </si>
  <si>
    <t>ChargeType</t>
  </si>
  <si>
    <t>BasicTime</t>
  </si>
  <si>
    <t>ExtendTime</t>
  </si>
  <si>
    <t>RoomBasic</t>
  </si>
  <si>
    <t>RoomExtend</t>
  </si>
  <si>
    <t>BasicCharge1</t>
  </si>
  <si>
    <t>ExtendCharge1</t>
  </si>
  <si>
    <t>BasicCharge2</t>
  </si>
  <si>
    <t>ExtendCharge2</t>
  </si>
  <si>
    <t>BasicCharge3</t>
  </si>
  <si>
    <t>ExtendCharge3</t>
  </si>
  <si>
    <t>BasicCharge4</t>
  </si>
  <si>
    <t>ExtendCharge4</t>
  </si>
  <si>
    <t>BasicCharge5</t>
  </si>
  <si>
    <t>ExtendCharge5</t>
  </si>
  <si>
    <t>BasicCharge6</t>
  </si>
  <si>
    <t>ExtendCharge6</t>
  </si>
  <si>
    <t>BasicCharge7</t>
  </si>
  <si>
    <t>ExtendCharge7</t>
  </si>
  <si>
    <t>BasicCharge8</t>
  </si>
  <si>
    <t>ExtendCharge8</t>
  </si>
  <si>
    <t>BasicCharge9</t>
  </si>
  <si>
    <t>ExtendCharge9</t>
  </si>
  <si>
    <t>BasicCharge10</t>
  </si>
  <si>
    <t>ExtendCharge10</t>
  </si>
  <si>
    <t>BasicCharge11</t>
  </si>
  <si>
    <t>ExtendCharge11</t>
  </si>
  <si>
    <t>BasicCharge12</t>
  </si>
  <si>
    <t>ExtendCharge12</t>
  </si>
  <si>
    <t>BasicCharge13</t>
  </si>
  <si>
    <t>ExtendCharge13</t>
  </si>
  <si>
    <t>BasicCharge14</t>
  </si>
  <si>
    <t>ExtendCharge14</t>
  </si>
  <si>
    <t>BasicCharge15</t>
  </si>
  <si>
    <t>ExtendCharge1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3">
    <xf numFmtId="0" fontId="0" fillId="0" borderId="0" xfId="0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K80"/>
  <sheetViews>
    <sheetView tabSelected="1" topLeftCell="R1" workbookViewId="0">
      <selection sqref="A1:AL1"/>
    </sheetView>
  </sheetViews>
  <sheetFormatPr defaultRowHeight="18.75" x14ac:dyDescent="0.4"/>
  <sheetData>
    <row r="1" spans="1:37" x14ac:dyDescent="0.4">
      <c r="A1" s="1" t="s">
        <v>57</v>
      </c>
      <c r="B1" s="2" t="s">
        <v>58</v>
      </c>
      <c r="C1" s="1" t="s">
        <v>59</v>
      </c>
      <c r="D1" s="2" t="s">
        <v>60</v>
      </c>
      <c r="E1" s="1" t="s">
        <v>61</v>
      </c>
      <c r="F1" s="2" t="s">
        <v>62</v>
      </c>
      <c r="G1" s="1" t="s">
        <v>63</v>
      </c>
      <c r="H1" s="2" t="s">
        <v>64</v>
      </c>
      <c r="I1" s="1" t="s">
        <v>65</v>
      </c>
      <c r="J1" s="2" t="s">
        <v>66</v>
      </c>
      <c r="K1" s="1" t="s">
        <v>67</v>
      </c>
      <c r="L1" s="2" t="s">
        <v>68</v>
      </c>
      <c r="M1" s="1" t="s">
        <v>69</v>
      </c>
      <c r="N1" s="2" t="s">
        <v>70</v>
      </c>
      <c r="O1" s="1" t="s">
        <v>71</v>
      </c>
      <c r="P1" s="2" t="s">
        <v>72</v>
      </c>
      <c r="Q1" s="1" t="s">
        <v>73</v>
      </c>
      <c r="R1" s="2" t="s">
        <v>74</v>
      </c>
      <c r="S1" s="1" t="s">
        <v>75</v>
      </c>
      <c r="T1" s="2" t="s">
        <v>76</v>
      </c>
      <c r="U1" s="1" t="s">
        <v>77</v>
      </c>
      <c r="V1" s="2" t="s">
        <v>78</v>
      </c>
      <c r="W1" s="1" t="s">
        <v>79</v>
      </c>
      <c r="X1" s="2" t="s">
        <v>80</v>
      </c>
      <c r="Y1" s="1" t="s">
        <v>81</v>
      </c>
      <c r="Z1" s="2" t="s">
        <v>82</v>
      </c>
      <c r="AA1" s="1" t="s">
        <v>83</v>
      </c>
      <c r="AB1" s="2" t="s">
        <v>84</v>
      </c>
      <c r="AC1" s="1" t="s">
        <v>85</v>
      </c>
      <c r="AD1" s="2" t="s">
        <v>86</v>
      </c>
      <c r="AE1" s="1" t="s">
        <v>87</v>
      </c>
      <c r="AF1" s="2" t="s">
        <v>88</v>
      </c>
      <c r="AG1" s="1" t="s">
        <v>89</v>
      </c>
      <c r="AH1" s="2" t="s">
        <v>90</v>
      </c>
      <c r="AI1" s="1" t="s">
        <v>91</v>
      </c>
      <c r="AJ1" s="2" t="s">
        <v>92</v>
      </c>
      <c r="AK1" s="1" t="s">
        <v>93</v>
      </c>
    </row>
    <row r="2" spans="1:37" x14ac:dyDescent="0.4">
      <c r="A2">
        <v>1</v>
      </c>
      <c r="B2" t="s">
        <v>0</v>
      </c>
      <c r="C2">
        <v>0</v>
      </c>
      <c r="D2">
        <v>120</v>
      </c>
      <c r="E2">
        <v>120</v>
      </c>
      <c r="F2">
        <v>0</v>
      </c>
      <c r="G2">
        <v>0</v>
      </c>
      <c r="H2">
        <v>530</v>
      </c>
      <c r="I2">
        <v>0</v>
      </c>
      <c r="J2">
        <v>265</v>
      </c>
      <c r="K2">
        <v>0</v>
      </c>
      <c r="L2">
        <v>0</v>
      </c>
      <c r="M2">
        <v>0</v>
      </c>
      <c r="N2">
        <v>0</v>
      </c>
      <c r="O2">
        <v>0</v>
      </c>
      <c r="P2">
        <v>265</v>
      </c>
      <c r="Q2">
        <v>0</v>
      </c>
      <c r="R2">
        <v>680</v>
      </c>
      <c r="S2">
        <v>0</v>
      </c>
      <c r="T2">
        <v>0</v>
      </c>
      <c r="U2">
        <v>0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  <c r="AC2">
        <v>0</v>
      </c>
      <c r="AD2">
        <v>0</v>
      </c>
      <c r="AE2">
        <v>0</v>
      </c>
      <c r="AF2">
        <v>0</v>
      </c>
      <c r="AG2">
        <v>0</v>
      </c>
      <c r="AH2">
        <v>0</v>
      </c>
      <c r="AI2">
        <v>0</v>
      </c>
      <c r="AJ2">
        <v>0</v>
      </c>
      <c r="AK2">
        <v>0</v>
      </c>
    </row>
    <row r="3" spans="1:37" x14ac:dyDescent="0.4">
      <c r="A3">
        <v>2</v>
      </c>
      <c r="B3" t="s">
        <v>1</v>
      </c>
      <c r="C3">
        <v>0</v>
      </c>
      <c r="D3">
        <v>180</v>
      </c>
      <c r="E3">
        <v>180</v>
      </c>
      <c r="F3">
        <v>0</v>
      </c>
      <c r="G3">
        <v>0</v>
      </c>
      <c r="H3">
        <v>600</v>
      </c>
      <c r="I3">
        <v>0</v>
      </c>
      <c r="J3">
        <v>300</v>
      </c>
      <c r="K3">
        <v>0</v>
      </c>
      <c r="L3">
        <v>0</v>
      </c>
      <c r="M3">
        <v>0</v>
      </c>
      <c r="N3">
        <v>0</v>
      </c>
      <c r="O3">
        <v>0</v>
      </c>
      <c r="P3">
        <v>300</v>
      </c>
      <c r="Q3">
        <v>0</v>
      </c>
      <c r="R3">
        <v>750</v>
      </c>
      <c r="S3">
        <v>0</v>
      </c>
      <c r="T3">
        <v>0</v>
      </c>
      <c r="U3">
        <v>0</v>
      </c>
      <c r="V3">
        <v>0</v>
      </c>
      <c r="W3">
        <v>0</v>
      </c>
      <c r="X3">
        <v>0</v>
      </c>
      <c r="Y3">
        <v>0</v>
      </c>
      <c r="Z3">
        <v>0</v>
      </c>
      <c r="AA3">
        <v>0</v>
      </c>
      <c r="AB3">
        <v>0</v>
      </c>
      <c r="AC3">
        <v>0</v>
      </c>
      <c r="AD3">
        <v>0</v>
      </c>
      <c r="AE3">
        <v>0</v>
      </c>
      <c r="AF3">
        <v>0</v>
      </c>
      <c r="AG3">
        <v>0</v>
      </c>
      <c r="AH3">
        <v>0</v>
      </c>
      <c r="AI3">
        <v>0</v>
      </c>
      <c r="AJ3">
        <v>0</v>
      </c>
      <c r="AK3">
        <v>0</v>
      </c>
    </row>
    <row r="4" spans="1:37" x14ac:dyDescent="0.4">
      <c r="A4">
        <v>3</v>
      </c>
      <c r="B4" t="s">
        <v>2</v>
      </c>
      <c r="C4">
        <v>0</v>
      </c>
      <c r="D4">
        <v>240</v>
      </c>
      <c r="E4">
        <v>240</v>
      </c>
      <c r="F4">
        <v>0</v>
      </c>
      <c r="G4">
        <v>0</v>
      </c>
      <c r="H4">
        <v>750</v>
      </c>
      <c r="I4">
        <v>0</v>
      </c>
      <c r="J4">
        <v>375</v>
      </c>
      <c r="K4">
        <v>0</v>
      </c>
      <c r="L4">
        <v>0</v>
      </c>
      <c r="M4">
        <v>0</v>
      </c>
      <c r="N4">
        <v>0</v>
      </c>
      <c r="O4">
        <v>0</v>
      </c>
      <c r="P4">
        <v>375</v>
      </c>
      <c r="Q4">
        <v>0</v>
      </c>
      <c r="R4">
        <v>900</v>
      </c>
      <c r="S4">
        <v>0</v>
      </c>
      <c r="T4">
        <v>0</v>
      </c>
      <c r="U4">
        <v>0</v>
      </c>
      <c r="V4">
        <v>0</v>
      </c>
      <c r="W4">
        <v>0</v>
      </c>
      <c r="X4">
        <v>0</v>
      </c>
      <c r="Y4">
        <v>0</v>
      </c>
      <c r="Z4">
        <v>0</v>
      </c>
      <c r="AA4">
        <v>0</v>
      </c>
      <c r="AB4">
        <v>0</v>
      </c>
      <c r="AC4">
        <v>0</v>
      </c>
      <c r="AD4">
        <v>0</v>
      </c>
      <c r="AE4">
        <v>0</v>
      </c>
      <c r="AF4">
        <v>0</v>
      </c>
      <c r="AG4">
        <v>0</v>
      </c>
      <c r="AH4">
        <v>0</v>
      </c>
      <c r="AI4">
        <v>0</v>
      </c>
      <c r="AJ4">
        <v>0</v>
      </c>
      <c r="AK4">
        <v>0</v>
      </c>
    </row>
    <row r="5" spans="1:37" x14ac:dyDescent="0.4">
      <c r="A5">
        <v>4</v>
      </c>
      <c r="B5" t="s">
        <v>3</v>
      </c>
      <c r="C5">
        <v>0</v>
      </c>
      <c r="D5">
        <v>480</v>
      </c>
      <c r="E5">
        <v>480</v>
      </c>
      <c r="F5">
        <v>0</v>
      </c>
      <c r="G5">
        <v>0</v>
      </c>
      <c r="H5">
        <v>950</v>
      </c>
      <c r="I5">
        <v>0</v>
      </c>
      <c r="J5">
        <v>475</v>
      </c>
      <c r="K5">
        <v>0</v>
      </c>
      <c r="L5">
        <v>0</v>
      </c>
      <c r="M5">
        <v>0</v>
      </c>
      <c r="N5">
        <v>0</v>
      </c>
      <c r="O5">
        <v>0</v>
      </c>
      <c r="P5">
        <v>475</v>
      </c>
      <c r="Q5">
        <v>0</v>
      </c>
      <c r="R5">
        <v>1100</v>
      </c>
      <c r="S5">
        <v>0</v>
      </c>
      <c r="T5">
        <v>0</v>
      </c>
      <c r="U5">
        <v>0</v>
      </c>
      <c r="V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  <c r="AC5">
        <v>0</v>
      </c>
      <c r="AD5">
        <v>0</v>
      </c>
      <c r="AE5">
        <v>0</v>
      </c>
      <c r="AF5">
        <v>0</v>
      </c>
      <c r="AG5">
        <v>0</v>
      </c>
      <c r="AH5">
        <v>0</v>
      </c>
      <c r="AI5">
        <v>0</v>
      </c>
      <c r="AJ5">
        <v>0</v>
      </c>
      <c r="AK5">
        <v>0</v>
      </c>
    </row>
    <row r="6" spans="1:37" x14ac:dyDescent="0.4">
      <c r="A6">
        <v>5</v>
      </c>
      <c r="B6" t="s">
        <v>4</v>
      </c>
      <c r="C6">
        <v>3</v>
      </c>
      <c r="D6">
        <v>120</v>
      </c>
      <c r="E6">
        <v>120</v>
      </c>
      <c r="F6">
        <v>0</v>
      </c>
      <c r="G6">
        <v>0</v>
      </c>
      <c r="H6">
        <v>0</v>
      </c>
      <c r="I6">
        <v>0</v>
      </c>
      <c r="J6">
        <v>0</v>
      </c>
      <c r="K6">
        <v>0</v>
      </c>
      <c r="L6">
        <v>0</v>
      </c>
      <c r="M6">
        <v>0</v>
      </c>
      <c r="N6">
        <v>0</v>
      </c>
      <c r="O6">
        <v>0</v>
      </c>
      <c r="P6">
        <v>20</v>
      </c>
      <c r="Q6">
        <v>0</v>
      </c>
      <c r="R6">
        <v>0</v>
      </c>
      <c r="S6">
        <v>0</v>
      </c>
      <c r="T6">
        <v>0</v>
      </c>
      <c r="U6">
        <v>0</v>
      </c>
      <c r="V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  <c r="AC6">
        <v>0</v>
      </c>
      <c r="AD6">
        <v>0</v>
      </c>
      <c r="AE6">
        <v>0</v>
      </c>
      <c r="AF6">
        <v>0</v>
      </c>
      <c r="AG6">
        <v>0</v>
      </c>
      <c r="AH6">
        <v>0</v>
      </c>
      <c r="AI6">
        <v>0</v>
      </c>
      <c r="AJ6">
        <v>0</v>
      </c>
      <c r="AK6">
        <v>0</v>
      </c>
    </row>
    <row r="7" spans="1:37" x14ac:dyDescent="0.4">
      <c r="A7">
        <v>6</v>
      </c>
      <c r="B7" t="s">
        <v>5</v>
      </c>
      <c r="C7">
        <v>3</v>
      </c>
      <c r="D7">
        <v>180</v>
      </c>
      <c r="E7">
        <v>180</v>
      </c>
      <c r="F7">
        <v>0</v>
      </c>
      <c r="G7">
        <v>0</v>
      </c>
      <c r="H7">
        <v>600</v>
      </c>
      <c r="I7">
        <v>0</v>
      </c>
      <c r="J7">
        <v>300</v>
      </c>
      <c r="K7">
        <v>0</v>
      </c>
      <c r="L7">
        <v>0</v>
      </c>
      <c r="M7">
        <v>0</v>
      </c>
      <c r="N7">
        <v>0</v>
      </c>
      <c r="O7">
        <v>0</v>
      </c>
      <c r="P7">
        <v>530</v>
      </c>
      <c r="Q7">
        <v>0</v>
      </c>
      <c r="R7">
        <v>0</v>
      </c>
      <c r="S7">
        <v>0</v>
      </c>
      <c r="T7">
        <v>0</v>
      </c>
      <c r="U7">
        <v>0</v>
      </c>
      <c r="V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0</v>
      </c>
      <c r="AD7">
        <v>0</v>
      </c>
      <c r="AE7">
        <v>0</v>
      </c>
      <c r="AF7">
        <v>0</v>
      </c>
      <c r="AG7">
        <v>0</v>
      </c>
      <c r="AH7">
        <v>0</v>
      </c>
      <c r="AI7">
        <v>0</v>
      </c>
      <c r="AJ7">
        <v>0</v>
      </c>
      <c r="AK7">
        <v>0</v>
      </c>
    </row>
    <row r="8" spans="1:37" x14ac:dyDescent="0.4">
      <c r="A8">
        <v>7</v>
      </c>
      <c r="B8" t="s">
        <v>6</v>
      </c>
      <c r="C8">
        <v>0</v>
      </c>
      <c r="D8">
        <v>120</v>
      </c>
      <c r="E8">
        <v>120</v>
      </c>
      <c r="F8">
        <v>0</v>
      </c>
      <c r="G8">
        <v>0</v>
      </c>
      <c r="H8">
        <v>580</v>
      </c>
      <c r="I8">
        <v>0</v>
      </c>
      <c r="J8">
        <v>290</v>
      </c>
      <c r="K8">
        <v>0</v>
      </c>
      <c r="L8">
        <v>0</v>
      </c>
      <c r="M8">
        <v>0</v>
      </c>
      <c r="N8">
        <v>0</v>
      </c>
      <c r="O8">
        <v>0</v>
      </c>
      <c r="P8">
        <v>0</v>
      </c>
      <c r="Q8">
        <v>0</v>
      </c>
      <c r="R8">
        <v>0</v>
      </c>
      <c r="S8">
        <v>0</v>
      </c>
      <c r="T8">
        <v>0</v>
      </c>
      <c r="U8">
        <v>0</v>
      </c>
      <c r="V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  <c r="AC8">
        <v>0</v>
      </c>
      <c r="AD8">
        <v>0</v>
      </c>
      <c r="AE8">
        <v>0</v>
      </c>
      <c r="AF8">
        <v>0</v>
      </c>
      <c r="AG8">
        <v>0</v>
      </c>
      <c r="AH8">
        <v>0</v>
      </c>
      <c r="AI8">
        <v>0</v>
      </c>
      <c r="AJ8">
        <v>0</v>
      </c>
      <c r="AK8">
        <v>0</v>
      </c>
    </row>
    <row r="9" spans="1:37" x14ac:dyDescent="0.4">
      <c r="A9">
        <v>8</v>
      </c>
      <c r="B9" t="s">
        <v>7</v>
      </c>
      <c r="C9">
        <v>0</v>
      </c>
      <c r="D9">
        <v>180</v>
      </c>
      <c r="E9">
        <v>180</v>
      </c>
      <c r="F9">
        <v>0</v>
      </c>
      <c r="G9">
        <v>0</v>
      </c>
      <c r="H9">
        <v>650</v>
      </c>
      <c r="I9">
        <v>0</v>
      </c>
      <c r="J9">
        <v>325</v>
      </c>
      <c r="K9">
        <v>0</v>
      </c>
      <c r="L9">
        <v>0</v>
      </c>
      <c r="M9">
        <v>0</v>
      </c>
      <c r="N9">
        <v>0</v>
      </c>
      <c r="O9">
        <v>0</v>
      </c>
      <c r="P9">
        <v>0</v>
      </c>
      <c r="Q9">
        <v>0</v>
      </c>
      <c r="R9">
        <v>0</v>
      </c>
      <c r="S9">
        <v>0</v>
      </c>
      <c r="T9">
        <v>0</v>
      </c>
      <c r="U9">
        <v>0</v>
      </c>
      <c r="V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  <c r="AC9">
        <v>0</v>
      </c>
      <c r="AD9">
        <v>0</v>
      </c>
      <c r="AE9">
        <v>0</v>
      </c>
      <c r="AF9">
        <v>0</v>
      </c>
      <c r="AG9">
        <v>0</v>
      </c>
      <c r="AH9">
        <v>0</v>
      </c>
      <c r="AI9">
        <v>0</v>
      </c>
      <c r="AJ9">
        <v>0</v>
      </c>
      <c r="AK9">
        <v>0</v>
      </c>
    </row>
    <row r="10" spans="1:37" x14ac:dyDescent="0.4">
      <c r="A10">
        <v>9</v>
      </c>
      <c r="B10" t="s">
        <v>8</v>
      </c>
      <c r="C10">
        <v>0</v>
      </c>
      <c r="D10">
        <v>240</v>
      </c>
      <c r="E10">
        <v>240</v>
      </c>
      <c r="F10">
        <v>0</v>
      </c>
      <c r="G10">
        <v>0</v>
      </c>
      <c r="H10">
        <v>800</v>
      </c>
      <c r="I10">
        <v>0</v>
      </c>
      <c r="J10">
        <v>400</v>
      </c>
      <c r="K10">
        <v>0</v>
      </c>
      <c r="L10">
        <v>0</v>
      </c>
      <c r="M10">
        <v>0</v>
      </c>
      <c r="N10">
        <v>0</v>
      </c>
      <c r="O10">
        <v>0</v>
      </c>
      <c r="P10">
        <v>0</v>
      </c>
      <c r="Q10">
        <v>0</v>
      </c>
      <c r="R10">
        <v>0</v>
      </c>
      <c r="S10">
        <v>0</v>
      </c>
      <c r="T10">
        <v>0</v>
      </c>
      <c r="U10">
        <v>0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  <c r="AE10">
        <v>0</v>
      </c>
      <c r="AF10">
        <v>0</v>
      </c>
      <c r="AG10">
        <v>0</v>
      </c>
      <c r="AH10">
        <v>0</v>
      </c>
      <c r="AI10">
        <v>0</v>
      </c>
      <c r="AJ10">
        <v>0</v>
      </c>
      <c r="AK10">
        <v>0</v>
      </c>
    </row>
    <row r="11" spans="1:37" x14ac:dyDescent="0.4">
      <c r="A11">
        <v>10</v>
      </c>
      <c r="B11" t="s">
        <v>9</v>
      </c>
      <c r="C11">
        <v>0</v>
      </c>
      <c r="D11">
        <v>480</v>
      </c>
      <c r="E11">
        <v>480</v>
      </c>
      <c r="F11">
        <v>0</v>
      </c>
      <c r="G11">
        <v>0</v>
      </c>
      <c r="H11">
        <v>1000</v>
      </c>
      <c r="I11">
        <v>0</v>
      </c>
      <c r="J11">
        <v>500</v>
      </c>
      <c r="K11">
        <v>0</v>
      </c>
      <c r="L11">
        <v>0</v>
      </c>
      <c r="M11">
        <v>0</v>
      </c>
      <c r="N11">
        <v>0</v>
      </c>
      <c r="O11">
        <v>0</v>
      </c>
      <c r="P11">
        <v>0</v>
      </c>
      <c r="Q11">
        <v>0</v>
      </c>
      <c r="R11">
        <v>0</v>
      </c>
      <c r="S11">
        <v>0</v>
      </c>
      <c r="T11">
        <v>0</v>
      </c>
      <c r="U11">
        <v>0</v>
      </c>
      <c r="V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  <c r="AC11">
        <v>0</v>
      </c>
      <c r="AD11">
        <v>0</v>
      </c>
      <c r="AE11">
        <v>0</v>
      </c>
      <c r="AF11">
        <v>0</v>
      </c>
      <c r="AG11">
        <v>0</v>
      </c>
      <c r="AH11">
        <v>0</v>
      </c>
      <c r="AI11">
        <v>0</v>
      </c>
      <c r="AJ11">
        <v>0</v>
      </c>
      <c r="AK11">
        <v>0</v>
      </c>
    </row>
    <row r="12" spans="1:37" x14ac:dyDescent="0.4">
      <c r="A12">
        <v>21</v>
      </c>
      <c r="B12" t="s">
        <v>10</v>
      </c>
      <c r="C12">
        <v>0</v>
      </c>
      <c r="D12">
        <v>60</v>
      </c>
      <c r="E12">
        <v>30</v>
      </c>
      <c r="F12">
        <v>0</v>
      </c>
      <c r="G12">
        <v>0</v>
      </c>
      <c r="H12">
        <v>660</v>
      </c>
      <c r="I12">
        <v>330</v>
      </c>
      <c r="J12">
        <v>330</v>
      </c>
      <c r="K12">
        <v>165</v>
      </c>
      <c r="L12">
        <v>550</v>
      </c>
      <c r="M12">
        <v>275</v>
      </c>
      <c r="N12">
        <v>0</v>
      </c>
      <c r="O12">
        <v>0</v>
      </c>
      <c r="P12">
        <v>0</v>
      </c>
      <c r="Q12">
        <v>0</v>
      </c>
      <c r="R12">
        <v>0</v>
      </c>
      <c r="S12">
        <v>0</v>
      </c>
      <c r="T12">
        <v>0</v>
      </c>
      <c r="U12">
        <v>0</v>
      </c>
      <c r="V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  <c r="AC12">
        <v>0</v>
      </c>
      <c r="AD12">
        <v>0</v>
      </c>
      <c r="AE12">
        <v>0</v>
      </c>
      <c r="AF12">
        <v>0</v>
      </c>
      <c r="AG12">
        <v>0</v>
      </c>
      <c r="AH12">
        <v>0</v>
      </c>
      <c r="AI12">
        <v>0</v>
      </c>
      <c r="AJ12">
        <v>0</v>
      </c>
      <c r="AK12">
        <v>0</v>
      </c>
    </row>
    <row r="13" spans="1:37" x14ac:dyDescent="0.4">
      <c r="A13">
        <v>22</v>
      </c>
      <c r="B13" t="s">
        <v>11</v>
      </c>
      <c r="C13">
        <v>0</v>
      </c>
      <c r="D13">
        <v>60</v>
      </c>
      <c r="E13">
        <v>30</v>
      </c>
      <c r="F13">
        <v>0</v>
      </c>
      <c r="G13">
        <v>0</v>
      </c>
      <c r="H13">
        <v>720</v>
      </c>
      <c r="I13">
        <v>360</v>
      </c>
      <c r="J13">
        <v>360</v>
      </c>
      <c r="K13">
        <v>180</v>
      </c>
      <c r="L13">
        <v>600</v>
      </c>
      <c r="M13">
        <v>300</v>
      </c>
      <c r="N13">
        <v>0</v>
      </c>
      <c r="O13">
        <v>0</v>
      </c>
      <c r="P13">
        <v>0</v>
      </c>
      <c r="Q13">
        <v>0</v>
      </c>
      <c r="R13">
        <v>0</v>
      </c>
      <c r="S13">
        <v>0</v>
      </c>
      <c r="T13">
        <v>0</v>
      </c>
      <c r="U13">
        <v>0</v>
      </c>
      <c r="V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  <c r="AC13">
        <v>0</v>
      </c>
      <c r="AD13">
        <v>0</v>
      </c>
      <c r="AE13">
        <v>0</v>
      </c>
      <c r="AF13">
        <v>0</v>
      </c>
      <c r="AG13">
        <v>0</v>
      </c>
      <c r="AH13">
        <v>0</v>
      </c>
      <c r="AI13">
        <v>0</v>
      </c>
      <c r="AJ13">
        <v>0</v>
      </c>
      <c r="AK13">
        <v>0</v>
      </c>
    </row>
    <row r="14" spans="1:37" x14ac:dyDescent="0.4">
      <c r="A14">
        <v>23</v>
      </c>
      <c r="B14" t="s">
        <v>12</v>
      </c>
      <c r="C14">
        <v>0</v>
      </c>
      <c r="D14">
        <v>60</v>
      </c>
      <c r="E14">
        <v>30</v>
      </c>
      <c r="F14">
        <v>0</v>
      </c>
      <c r="G14">
        <v>0</v>
      </c>
      <c r="H14">
        <v>0</v>
      </c>
      <c r="I14">
        <v>0</v>
      </c>
      <c r="J14">
        <v>330</v>
      </c>
      <c r="K14">
        <v>165</v>
      </c>
      <c r="L14">
        <v>850</v>
      </c>
      <c r="M14">
        <v>425</v>
      </c>
      <c r="N14">
        <v>660</v>
      </c>
      <c r="O14">
        <v>330</v>
      </c>
      <c r="P14">
        <v>0</v>
      </c>
      <c r="Q14">
        <v>0</v>
      </c>
      <c r="R14">
        <v>0</v>
      </c>
      <c r="S14">
        <v>0</v>
      </c>
      <c r="T14">
        <v>0</v>
      </c>
      <c r="U14">
        <v>0</v>
      </c>
      <c r="V14">
        <v>0</v>
      </c>
      <c r="W14">
        <v>0</v>
      </c>
      <c r="X14">
        <v>0</v>
      </c>
      <c r="Y14">
        <v>0</v>
      </c>
      <c r="Z14">
        <v>0</v>
      </c>
      <c r="AA14">
        <v>0</v>
      </c>
      <c r="AB14">
        <v>0</v>
      </c>
      <c r="AC14">
        <v>0</v>
      </c>
      <c r="AD14">
        <v>0</v>
      </c>
      <c r="AE14">
        <v>0</v>
      </c>
      <c r="AF14">
        <v>0</v>
      </c>
      <c r="AG14">
        <v>0</v>
      </c>
      <c r="AH14">
        <v>0</v>
      </c>
      <c r="AI14">
        <v>0</v>
      </c>
      <c r="AJ14">
        <v>0</v>
      </c>
      <c r="AK14">
        <v>0</v>
      </c>
    </row>
    <row r="15" spans="1:37" x14ac:dyDescent="0.4">
      <c r="A15">
        <v>24</v>
      </c>
      <c r="B15" t="s">
        <v>13</v>
      </c>
      <c r="C15">
        <v>0</v>
      </c>
      <c r="D15">
        <v>60</v>
      </c>
      <c r="E15">
        <v>30</v>
      </c>
      <c r="F15">
        <v>0</v>
      </c>
      <c r="G15">
        <v>0</v>
      </c>
      <c r="H15">
        <v>0</v>
      </c>
      <c r="I15">
        <v>0</v>
      </c>
      <c r="J15">
        <v>360</v>
      </c>
      <c r="K15">
        <v>180</v>
      </c>
      <c r="L15">
        <v>930</v>
      </c>
      <c r="M15">
        <v>465</v>
      </c>
      <c r="N15">
        <v>720</v>
      </c>
      <c r="O15">
        <v>360</v>
      </c>
      <c r="P15">
        <v>0</v>
      </c>
      <c r="Q15">
        <v>0</v>
      </c>
      <c r="R15">
        <v>0</v>
      </c>
      <c r="S15">
        <v>0</v>
      </c>
      <c r="T15">
        <v>0</v>
      </c>
      <c r="U15">
        <v>0</v>
      </c>
      <c r="V15">
        <v>0</v>
      </c>
      <c r="W15">
        <v>0</v>
      </c>
      <c r="X15">
        <v>0</v>
      </c>
      <c r="Y15">
        <v>0</v>
      </c>
      <c r="Z15">
        <v>0</v>
      </c>
      <c r="AA15">
        <v>0</v>
      </c>
      <c r="AB15">
        <v>0</v>
      </c>
      <c r="AC15">
        <v>0</v>
      </c>
      <c r="AD15">
        <v>0</v>
      </c>
      <c r="AE15">
        <v>0</v>
      </c>
      <c r="AF15">
        <v>0</v>
      </c>
      <c r="AG15">
        <v>0</v>
      </c>
      <c r="AH15">
        <v>0</v>
      </c>
      <c r="AI15">
        <v>0</v>
      </c>
      <c r="AJ15">
        <v>0</v>
      </c>
      <c r="AK15">
        <v>0</v>
      </c>
    </row>
    <row r="16" spans="1:37" x14ac:dyDescent="0.4">
      <c r="A16">
        <v>25</v>
      </c>
      <c r="B16" t="s">
        <v>14</v>
      </c>
      <c r="C16">
        <v>0</v>
      </c>
      <c r="D16">
        <v>60</v>
      </c>
      <c r="E16">
        <v>30</v>
      </c>
      <c r="F16">
        <v>0</v>
      </c>
      <c r="G16">
        <v>0</v>
      </c>
      <c r="H16">
        <v>1200</v>
      </c>
      <c r="I16">
        <v>600</v>
      </c>
      <c r="J16">
        <v>330</v>
      </c>
      <c r="K16">
        <v>165</v>
      </c>
      <c r="L16">
        <v>1100</v>
      </c>
      <c r="M16">
        <v>550</v>
      </c>
      <c r="N16">
        <v>660</v>
      </c>
      <c r="O16">
        <v>330</v>
      </c>
      <c r="P16">
        <v>0</v>
      </c>
      <c r="Q16">
        <v>0</v>
      </c>
      <c r="R16">
        <v>0</v>
      </c>
      <c r="S16">
        <v>0</v>
      </c>
      <c r="T16">
        <v>0</v>
      </c>
      <c r="U16">
        <v>0</v>
      </c>
      <c r="V16">
        <v>0</v>
      </c>
      <c r="W16">
        <v>0</v>
      </c>
      <c r="X16">
        <v>0</v>
      </c>
      <c r="Y16">
        <v>0</v>
      </c>
      <c r="Z16">
        <v>0</v>
      </c>
      <c r="AA16">
        <v>0</v>
      </c>
      <c r="AB16">
        <v>0</v>
      </c>
      <c r="AC16">
        <v>0</v>
      </c>
      <c r="AD16">
        <v>0</v>
      </c>
      <c r="AE16">
        <v>0</v>
      </c>
      <c r="AF16">
        <v>0</v>
      </c>
      <c r="AG16">
        <v>0</v>
      </c>
      <c r="AH16">
        <v>0</v>
      </c>
      <c r="AI16">
        <v>0</v>
      </c>
      <c r="AJ16">
        <v>0</v>
      </c>
      <c r="AK16">
        <v>0</v>
      </c>
    </row>
    <row r="17" spans="1:37" x14ac:dyDescent="0.4">
      <c r="A17">
        <v>26</v>
      </c>
      <c r="B17" t="s">
        <v>15</v>
      </c>
      <c r="C17">
        <v>0</v>
      </c>
      <c r="D17">
        <v>60</v>
      </c>
      <c r="E17">
        <v>30</v>
      </c>
      <c r="F17">
        <v>0</v>
      </c>
      <c r="G17">
        <v>0</v>
      </c>
      <c r="H17">
        <v>1300</v>
      </c>
      <c r="I17">
        <v>650</v>
      </c>
      <c r="J17">
        <v>360</v>
      </c>
      <c r="K17">
        <v>180</v>
      </c>
      <c r="L17">
        <v>1200</v>
      </c>
      <c r="M17">
        <v>600</v>
      </c>
      <c r="N17">
        <v>720</v>
      </c>
      <c r="O17">
        <v>360</v>
      </c>
      <c r="P17">
        <v>0</v>
      </c>
      <c r="Q17">
        <v>0</v>
      </c>
      <c r="R17">
        <v>0</v>
      </c>
      <c r="S17">
        <v>0</v>
      </c>
      <c r="T17">
        <v>0</v>
      </c>
      <c r="U17">
        <v>0</v>
      </c>
      <c r="V17">
        <v>0</v>
      </c>
      <c r="W17">
        <v>0</v>
      </c>
      <c r="X17">
        <v>0</v>
      </c>
      <c r="Y17">
        <v>0</v>
      </c>
      <c r="Z17">
        <v>0</v>
      </c>
      <c r="AA17">
        <v>0</v>
      </c>
      <c r="AB17">
        <v>0</v>
      </c>
      <c r="AC17">
        <v>0</v>
      </c>
      <c r="AD17">
        <v>0</v>
      </c>
      <c r="AE17">
        <v>0</v>
      </c>
      <c r="AF17">
        <v>0</v>
      </c>
      <c r="AG17">
        <v>0</v>
      </c>
      <c r="AH17">
        <v>0</v>
      </c>
      <c r="AI17">
        <v>0</v>
      </c>
      <c r="AJ17">
        <v>0</v>
      </c>
      <c r="AK17">
        <v>0</v>
      </c>
    </row>
    <row r="18" spans="1:37" x14ac:dyDescent="0.4">
      <c r="A18">
        <v>27</v>
      </c>
      <c r="B18" t="s">
        <v>16</v>
      </c>
      <c r="C18">
        <v>0</v>
      </c>
      <c r="D18">
        <v>60</v>
      </c>
      <c r="E18">
        <v>30</v>
      </c>
      <c r="F18">
        <v>0</v>
      </c>
      <c r="G18">
        <v>0</v>
      </c>
      <c r="H18">
        <v>1320</v>
      </c>
      <c r="I18">
        <v>660</v>
      </c>
      <c r="J18">
        <v>330</v>
      </c>
      <c r="K18">
        <v>165</v>
      </c>
      <c r="L18">
        <v>1220</v>
      </c>
      <c r="M18">
        <v>610</v>
      </c>
      <c r="N18">
        <v>660</v>
      </c>
      <c r="O18">
        <v>330</v>
      </c>
      <c r="P18">
        <v>0</v>
      </c>
      <c r="Q18">
        <v>0</v>
      </c>
      <c r="R18">
        <v>0</v>
      </c>
      <c r="S18">
        <v>0</v>
      </c>
      <c r="T18">
        <v>0</v>
      </c>
      <c r="U18">
        <v>0</v>
      </c>
      <c r="V18">
        <v>0</v>
      </c>
      <c r="W18">
        <v>0</v>
      </c>
      <c r="X18">
        <v>0</v>
      </c>
      <c r="Y18">
        <v>0</v>
      </c>
      <c r="Z18">
        <v>0</v>
      </c>
      <c r="AA18">
        <v>0</v>
      </c>
      <c r="AB18">
        <v>0</v>
      </c>
      <c r="AC18">
        <v>0</v>
      </c>
      <c r="AD18">
        <v>0</v>
      </c>
      <c r="AE18">
        <v>0</v>
      </c>
      <c r="AF18">
        <v>0</v>
      </c>
      <c r="AG18">
        <v>0</v>
      </c>
      <c r="AH18">
        <v>0</v>
      </c>
      <c r="AI18">
        <v>0</v>
      </c>
      <c r="AJ18">
        <v>0</v>
      </c>
      <c r="AK18">
        <v>0</v>
      </c>
    </row>
    <row r="19" spans="1:37" x14ac:dyDescent="0.4">
      <c r="A19">
        <v>28</v>
      </c>
      <c r="B19" t="s">
        <v>17</v>
      </c>
      <c r="C19">
        <v>0</v>
      </c>
      <c r="D19">
        <v>60</v>
      </c>
      <c r="E19">
        <v>30</v>
      </c>
      <c r="F19">
        <v>0</v>
      </c>
      <c r="G19">
        <v>0</v>
      </c>
      <c r="H19">
        <v>1420</v>
      </c>
      <c r="I19">
        <v>710</v>
      </c>
      <c r="J19">
        <v>360</v>
      </c>
      <c r="K19">
        <v>180</v>
      </c>
      <c r="L19">
        <v>1320</v>
      </c>
      <c r="M19">
        <v>710</v>
      </c>
      <c r="N19">
        <v>720</v>
      </c>
      <c r="O19">
        <v>360</v>
      </c>
      <c r="P19">
        <v>0</v>
      </c>
      <c r="Q19">
        <v>0</v>
      </c>
      <c r="R19">
        <v>0</v>
      </c>
      <c r="S19">
        <v>0</v>
      </c>
      <c r="T19">
        <v>0</v>
      </c>
      <c r="U19">
        <v>0</v>
      </c>
      <c r="V19">
        <v>0</v>
      </c>
      <c r="W19">
        <v>0</v>
      </c>
      <c r="X19">
        <v>0</v>
      </c>
      <c r="Y19">
        <v>0</v>
      </c>
      <c r="Z19">
        <v>0</v>
      </c>
      <c r="AA19">
        <v>0</v>
      </c>
      <c r="AB19">
        <v>0</v>
      </c>
      <c r="AC19">
        <v>0</v>
      </c>
      <c r="AD19">
        <v>0</v>
      </c>
      <c r="AE19">
        <v>0</v>
      </c>
      <c r="AF19">
        <v>0</v>
      </c>
      <c r="AG19">
        <v>0</v>
      </c>
      <c r="AH19">
        <v>0</v>
      </c>
      <c r="AI19">
        <v>0</v>
      </c>
      <c r="AJ19">
        <v>0</v>
      </c>
      <c r="AK19">
        <v>0</v>
      </c>
    </row>
    <row r="20" spans="1:37" x14ac:dyDescent="0.4">
      <c r="A20">
        <v>31</v>
      </c>
      <c r="B20" t="s">
        <v>10</v>
      </c>
      <c r="C20">
        <v>3</v>
      </c>
      <c r="D20">
        <v>0</v>
      </c>
      <c r="E20">
        <v>0</v>
      </c>
      <c r="F20">
        <v>0</v>
      </c>
      <c r="G20">
        <v>0</v>
      </c>
      <c r="H20">
        <v>1650</v>
      </c>
      <c r="I20">
        <v>0</v>
      </c>
      <c r="J20">
        <v>0</v>
      </c>
      <c r="K20">
        <v>0</v>
      </c>
      <c r="L20">
        <v>1500</v>
      </c>
      <c r="M20">
        <v>0</v>
      </c>
      <c r="N20">
        <v>0</v>
      </c>
      <c r="O20">
        <v>0</v>
      </c>
      <c r="P20">
        <v>780</v>
      </c>
      <c r="Q20">
        <v>0</v>
      </c>
      <c r="R20">
        <v>0</v>
      </c>
      <c r="S20">
        <v>0</v>
      </c>
      <c r="T20">
        <v>0</v>
      </c>
      <c r="U20">
        <v>0</v>
      </c>
      <c r="V20">
        <v>0</v>
      </c>
      <c r="W20">
        <v>0</v>
      </c>
      <c r="X20">
        <v>0</v>
      </c>
      <c r="Y20">
        <v>0</v>
      </c>
      <c r="Z20">
        <v>0</v>
      </c>
      <c r="AA20">
        <v>0</v>
      </c>
      <c r="AB20">
        <v>0</v>
      </c>
      <c r="AC20">
        <v>0</v>
      </c>
      <c r="AD20">
        <v>0</v>
      </c>
      <c r="AE20">
        <v>0</v>
      </c>
      <c r="AF20">
        <v>0</v>
      </c>
      <c r="AG20">
        <v>0</v>
      </c>
      <c r="AH20">
        <v>0</v>
      </c>
      <c r="AI20">
        <v>0</v>
      </c>
      <c r="AJ20">
        <v>0</v>
      </c>
      <c r="AK20">
        <v>0</v>
      </c>
    </row>
    <row r="21" spans="1:37" x14ac:dyDescent="0.4">
      <c r="A21">
        <v>32</v>
      </c>
      <c r="B21" t="s">
        <v>11</v>
      </c>
      <c r="C21">
        <v>3</v>
      </c>
      <c r="D21">
        <v>0</v>
      </c>
      <c r="E21">
        <v>0</v>
      </c>
      <c r="F21">
        <v>0</v>
      </c>
      <c r="G21">
        <v>0</v>
      </c>
      <c r="H21">
        <v>1700</v>
      </c>
      <c r="I21">
        <v>0</v>
      </c>
      <c r="J21">
        <v>0</v>
      </c>
      <c r="K21">
        <v>0</v>
      </c>
      <c r="L21">
        <v>1600</v>
      </c>
      <c r="M21">
        <v>0</v>
      </c>
      <c r="N21">
        <v>0</v>
      </c>
      <c r="O21">
        <v>0</v>
      </c>
      <c r="P21">
        <v>0</v>
      </c>
      <c r="Q21">
        <v>0</v>
      </c>
      <c r="R21">
        <v>0</v>
      </c>
      <c r="S21">
        <v>0</v>
      </c>
      <c r="T21">
        <v>0</v>
      </c>
      <c r="U21">
        <v>0</v>
      </c>
      <c r="V21">
        <v>0</v>
      </c>
      <c r="W21">
        <v>0</v>
      </c>
      <c r="X21">
        <v>0</v>
      </c>
      <c r="Y21">
        <v>0</v>
      </c>
      <c r="Z21">
        <v>0</v>
      </c>
      <c r="AA21">
        <v>0</v>
      </c>
      <c r="AB21">
        <v>0</v>
      </c>
      <c r="AC21">
        <v>0</v>
      </c>
      <c r="AD21">
        <v>0</v>
      </c>
      <c r="AE21">
        <v>0</v>
      </c>
      <c r="AF21">
        <v>0</v>
      </c>
      <c r="AG21">
        <v>0</v>
      </c>
      <c r="AH21">
        <v>0</v>
      </c>
      <c r="AI21">
        <v>0</v>
      </c>
      <c r="AJ21">
        <v>0</v>
      </c>
      <c r="AK21">
        <v>0</v>
      </c>
    </row>
    <row r="22" spans="1:37" x14ac:dyDescent="0.4">
      <c r="A22">
        <v>33</v>
      </c>
      <c r="B22" t="s">
        <v>12</v>
      </c>
      <c r="C22">
        <v>3</v>
      </c>
      <c r="D22">
        <v>0</v>
      </c>
      <c r="E22">
        <v>0</v>
      </c>
      <c r="F22">
        <v>0</v>
      </c>
      <c r="G22">
        <v>0</v>
      </c>
      <c r="H22">
        <v>0</v>
      </c>
      <c r="I22">
        <v>0</v>
      </c>
      <c r="J22">
        <v>0</v>
      </c>
      <c r="K22">
        <v>0</v>
      </c>
      <c r="L22">
        <v>1950</v>
      </c>
      <c r="M22">
        <v>0</v>
      </c>
      <c r="N22">
        <v>1650</v>
      </c>
      <c r="O22">
        <v>0</v>
      </c>
      <c r="P22">
        <v>0</v>
      </c>
      <c r="Q22">
        <v>0</v>
      </c>
      <c r="R22">
        <v>0</v>
      </c>
      <c r="S22">
        <v>0</v>
      </c>
      <c r="T22">
        <v>0</v>
      </c>
      <c r="U22">
        <v>0</v>
      </c>
      <c r="V22">
        <v>0</v>
      </c>
      <c r="W22">
        <v>0</v>
      </c>
      <c r="X22">
        <v>0</v>
      </c>
      <c r="Y22">
        <v>0</v>
      </c>
      <c r="Z22">
        <v>0</v>
      </c>
      <c r="AA22">
        <v>0</v>
      </c>
      <c r="AB22">
        <v>0</v>
      </c>
      <c r="AC22">
        <v>0</v>
      </c>
      <c r="AD22">
        <v>0</v>
      </c>
      <c r="AE22">
        <v>0</v>
      </c>
      <c r="AF22">
        <v>0</v>
      </c>
      <c r="AG22">
        <v>0</v>
      </c>
      <c r="AH22">
        <v>0</v>
      </c>
      <c r="AI22">
        <v>0</v>
      </c>
      <c r="AJ22">
        <v>0</v>
      </c>
      <c r="AK22">
        <v>0</v>
      </c>
    </row>
    <row r="23" spans="1:37" x14ac:dyDescent="0.4">
      <c r="A23">
        <v>34</v>
      </c>
      <c r="B23" t="s">
        <v>13</v>
      </c>
      <c r="C23">
        <v>3</v>
      </c>
      <c r="D23">
        <v>0</v>
      </c>
      <c r="E23">
        <v>0</v>
      </c>
      <c r="F23">
        <v>0</v>
      </c>
      <c r="G23">
        <v>0</v>
      </c>
      <c r="H23">
        <v>0</v>
      </c>
      <c r="I23">
        <v>0</v>
      </c>
      <c r="J23">
        <v>0</v>
      </c>
      <c r="K23">
        <v>0</v>
      </c>
      <c r="L23">
        <v>1950</v>
      </c>
      <c r="M23">
        <v>0</v>
      </c>
      <c r="N23">
        <v>1700</v>
      </c>
      <c r="O23">
        <v>0</v>
      </c>
      <c r="P23">
        <v>0</v>
      </c>
      <c r="Q23">
        <v>0</v>
      </c>
      <c r="R23">
        <v>0</v>
      </c>
      <c r="S23">
        <v>0</v>
      </c>
      <c r="T23">
        <v>0</v>
      </c>
      <c r="U23">
        <v>0</v>
      </c>
      <c r="V23">
        <v>0</v>
      </c>
      <c r="W23">
        <v>0</v>
      </c>
      <c r="X23">
        <v>0</v>
      </c>
      <c r="Y23">
        <v>0</v>
      </c>
      <c r="Z23">
        <v>0</v>
      </c>
      <c r="AA23">
        <v>0</v>
      </c>
      <c r="AB23">
        <v>0</v>
      </c>
      <c r="AC23">
        <v>0</v>
      </c>
      <c r="AD23">
        <v>0</v>
      </c>
      <c r="AE23">
        <v>0</v>
      </c>
      <c r="AF23">
        <v>0</v>
      </c>
      <c r="AG23">
        <v>0</v>
      </c>
      <c r="AH23">
        <v>0</v>
      </c>
      <c r="AI23">
        <v>0</v>
      </c>
      <c r="AJ23">
        <v>0</v>
      </c>
      <c r="AK23">
        <v>0</v>
      </c>
    </row>
    <row r="24" spans="1:37" x14ac:dyDescent="0.4">
      <c r="A24">
        <v>35</v>
      </c>
      <c r="B24" t="s">
        <v>14</v>
      </c>
      <c r="C24">
        <v>3</v>
      </c>
      <c r="D24">
        <v>0</v>
      </c>
      <c r="E24">
        <v>0</v>
      </c>
      <c r="F24">
        <v>0</v>
      </c>
      <c r="G24">
        <v>0</v>
      </c>
      <c r="H24">
        <v>2640</v>
      </c>
      <c r="I24">
        <v>0</v>
      </c>
      <c r="J24">
        <v>0</v>
      </c>
      <c r="K24">
        <v>0</v>
      </c>
      <c r="L24">
        <v>2500</v>
      </c>
      <c r="M24">
        <v>0</v>
      </c>
      <c r="N24">
        <v>1650</v>
      </c>
      <c r="O24">
        <v>0</v>
      </c>
      <c r="P24">
        <v>0</v>
      </c>
      <c r="Q24">
        <v>0</v>
      </c>
      <c r="R24">
        <v>0</v>
      </c>
      <c r="S24">
        <v>0</v>
      </c>
      <c r="T24">
        <v>0</v>
      </c>
      <c r="U24">
        <v>0</v>
      </c>
      <c r="V24">
        <v>0</v>
      </c>
      <c r="W24">
        <v>0</v>
      </c>
      <c r="X24">
        <v>0</v>
      </c>
      <c r="Y24">
        <v>0</v>
      </c>
      <c r="Z24">
        <v>0</v>
      </c>
      <c r="AA24">
        <v>0</v>
      </c>
      <c r="AB24">
        <v>0</v>
      </c>
      <c r="AC24">
        <v>0</v>
      </c>
      <c r="AD24">
        <v>0</v>
      </c>
      <c r="AE24">
        <v>0</v>
      </c>
      <c r="AF24">
        <v>0</v>
      </c>
      <c r="AG24">
        <v>0</v>
      </c>
      <c r="AH24">
        <v>0</v>
      </c>
      <c r="AI24">
        <v>0</v>
      </c>
      <c r="AJ24">
        <v>0</v>
      </c>
      <c r="AK24">
        <v>0</v>
      </c>
    </row>
    <row r="25" spans="1:37" x14ac:dyDescent="0.4">
      <c r="A25">
        <v>36</v>
      </c>
      <c r="B25" t="s">
        <v>15</v>
      </c>
      <c r="C25">
        <v>3</v>
      </c>
      <c r="D25">
        <v>0</v>
      </c>
      <c r="E25">
        <v>0</v>
      </c>
      <c r="F25">
        <v>0</v>
      </c>
      <c r="G25">
        <v>0</v>
      </c>
      <c r="H25">
        <v>2740</v>
      </c>
      <c r="I25">
        <v>0</v>
      </c>
      <c r="J25">
        <v>0</v>
      </c>
      <c r="K25">
        <v>0</v>
      </c>
      <c r="L25">
        <v>2400</v>
      </c>
      <c r="M25">
        <v>0</v>
      </c>
      <c r="N25">
        <v>1700</v>
      </c>
      <c r="O25">
        <v>0</v>
      </c>
      <c r="P25">
        <v>0</v>
      </c>
      <c r="Q25">
        <v>0</v>
      </c>
      <c r="R25">
        <v>0</v>
      </c>
      <c r="S25">
        <v>0</v>
      </c>
      <c r="T25">
        <v>0</v>
      </c>
      <c r="U25">
        <v>0</v>
      </c>
      <c r="V25">
        <v>0</v>
      </c>
      <c r="W25">
        <v>0</v>
      </c>
      <c r="X25">
        <v>0</v>
      </c>
      <c r="Y25">
        <v>0</v>
      </c>
      <c r="Z25">
        <v>0</v>
      </c>
      <c r="AA25">
        <v>0</v>
      </c>
      <c r="AB25">
        <v>0</v>
      </c>
      <c r="AC25">
        <v>0</v>
      </c>
      <c r="AD25">
        <v>0</v>
      </c>
      <c r="AE25">
        <v>0</v>
      </c>
      <c r="AF25">
        <v>0</v>
      </c>
      <c r="AG25">
        <v>0</v>
      </c>
      <c r="AH25">
        <v>0</v>
      </c>
      <c r="AI25">
        <v>0</v>
      </c>
      <c r="AJ25">
        <v>0</v>
      </c>
      <c r="AK25">
        <v>0</v>
      </c>
    </row>
    <row r="26" spans="1:37" x14ac:dyDescent="0.4">
      <c r="A26">
        <v>37</v>
      </c>
      <c r="B26" t="s">
        <v>18</v>
      </c>
      <c r="C26">
        <v>3</v>
      </c>
      <c r="D26">
        <v>0</v>
      </c>
      <c r="E26">
        <v>0</v>
      </c>
      <c r="F26">
        <v>0</v>
      </c>
      <c r="G26">
        <v>0</v>
      </c>
      <c r="H26">
        <v>2860</v>
      </c>
      <c r="I26">
        <v>0</v>
      </c>
      <c r="J26">
        <v>0</v>
      </c>
      <c r="K26">
        <v>0</v>
      </c>
      <c r="L26">
        <v>2600</v>
      </c>
      <c r="M26">
        <v>0</v>
      </c>
      <c r="N26">
        <v>1650</v>
      </c>
      <c r="O26">
        <v>0</v>
      </c>
      <c r="P26">
        <v>0</v>
      </c>
      <c r="Q26">
        <v>0</v>
      </c>
      <c r="R26">
        <v>0</v>
      </c>
      <c r="S26">
        <v>0</v>
      </c>
      <c r="T26">
        <v>0</v>
      </c>
      <c r="U26">
        <v>0</v>
      </c>
      <c r="V26">
        <v>0</v>
      </c>
      <c r="W26">
        <v>0</v>
      </c>
      <c r="X26">
        <v>0</v>
      </c>
      <c r="Y26">
        <v>0</v>
      </c>
      <c r="Z26">
        <v>0</v>
      </c>
      <c r="AA26">
        <v>0</v>
      </c>
      <c r="AB26">
        <v>0</v>
      </c>
      <c r="AC26">
        <v>0</v>
      </c>
      <c r="AD26">
        <v>0</v>
      </c>
      <c r="AE26">
        <v>0</v>
      </c>
      <c r="AF26">
        <v>0</v>
      </c>
      <c r="AG26">
        <v>0</v>
      </c>
      <c r="AH26">
        <v>0</v>
      </c>
      <c r="AI26">
        <v>0</v>
      </c>
      <c r="AJ26">
        <v>0</v>
      </c>
      <c r="AK26">
        <v>0</v>
      </c>
    </row>
    <row r="27" spans="1:37" x14ac:dyDescent="0.4">
      <c r="A27">
        <v>38</v>
      </c>
      <c r="B27" t="s">
        <v>19</v>
      </c>
      <c r="C27">
        <v>3</v>
      </c>
      <c r="D27">
        <v>0</v>
      </c>
      <c r="E27">
        <v>0</v>
      </c>
      <c r="F27">
        <v>0</v>
      </c>
      <c r="G27">
        <v>0</v>
      </c>
      <c r="H27">
        <v>2900</v>
      </c>
      <c r="I27">
        <v>0</v>
      </c>
      <c r="J27">
        <v>0</v>
      </c>
      <c r="K27">
        <v>0</v>
      </c>
      <c r="L27">
        <v>2650</v>
      </c>
      <c r="M27">
        <v>0</v>
      </c>
      <c r="N27">
        <v>1700</v>
      </c>
      <c r="O27">
        <v>0</v>
      </c>
      <c r="P27">
        <v>0</v>
      </c>
      <c r="Q27">
        <v>0</v>
      </c>
      <c r="R27">
        <v>0</v>
      </c>
      <c r="S27">
        <v>0</v>
      </c>
      <c r="T27">
        <v>0</v>
      </c>
      <c r="U27">
        <v>0</v>
      </c>
      <c r="V27">
        <v>0</v>
      </c>
      <c r="W27">
        <v>0</v>
      </c>
      <c r="X27">
        <v>0</v>
      </c>
      <c r="Y27">
        <v>0</v>
      </c>
      <c r="Z27">
        <v>0</v>
      </c>
      <c r="AA27">
        <v>0</v>
      </c>
      <c r="AB27">
        <v>0</v>
      </c>
      <c r="AC27">
        <v>0</v>
      </c>
      <c r="AD27">
        <v>0</v>
      </c>
      <c r="AE27">
        <v>0</v>
      </c>
      <c r="AF27">
        <v>0</v>
      </c>
      <c r="AG27">
        <v>0</v>
      </c>
      <c r="AH27">
        <v>0</v>
      </c>
      <c r="AI27">
        <v>0</v>
      </c>
      <c r="AJ27">
        <v>0</v>
      </c>
      <c r="AK27">
        <v>0</v>
      </c>
    </row>
    <row r="28" spans="1:37" x14ac:dyDescent="0.4">
      <c r="A28">
        <v>40</v>
      </c>
      <c r="B28" t="s">
        <v>20</v>
      </c>
      <c r="C28">
        <v>3</v>
      </c>
      <c r="D28">
        <v>180</v>
      </c>
      <c r="E28">
        <v>0</v>
      </c>
      <c r="F28">
        <v>0</v>
      </c>
      <c r="G28">
        <v>0</v>
      </c>
      <c r="H28">
        <v>1540</v>
      </c>
      <c r="I28">
        <v>0</v>
      </c>
      <c r="J28">
        <v>770</v>
      </c>
      <c r="K28">
        <v>0</v>
      </c>
      <c r="L28">
        <v>1250</v>
      </c>
      <c r="M28">
        <v>0</v>
      </c>
      <c r="N28">
        <v>0</v>
      </c>
      <c r="O28">
        <v>0</v>
      </c>
      <c r="P28">
        <v>0</v>
      </c>
      <c r="Q28">
        <v>0</v>
      </c>
      <c r="R28">
        <v>0</v>
      </c>
      <c r="S28">
        <v>0</v>
      </c>
      <c r="T28">
        <v>0</v>
      </c>
      <c r="U28">
        <v>0</v>
      </c>
      <c r="V28">
        <v>0</v>
      </c>
      <c r="W28">
        <v>0</v>
      </c>
      <c r="X28">
        <v>0</v>
      </c>
      <c r="Y28">
        <v>0</v>
      </c>
      <c r="Z28">
        <v>0</v>
      </c>
      <c r="AA28">
        <v>0</v>
      </c>
      <c r="AB28">
        <v>0</v>
      </c>
      <c r="AC28">
        <v>0</v>
      </c>
      <c r="AD28">
        <v>0</v>
      </c>
      <c r="AE28">
        <v>0</v>
      </c>
      <c r="AF28">
        <v>0</v>
      </c>
      <c r="AG28">
        <v>0</v>
      </c>
      <c r="AH28">
        <v>0</v>
      </c>
      <c r="AI28">
        <v>0</v>
      </c>
      <c r="AJ28">
        <v>0</v>
      </c>
      <c r="AK28">
        <v>0</v>
      </c>
    </row>
    <row r="29" spans="1:37" x14ac:dyDescent="0.4">
      <c r="A29">
        <v>41</v>
      </c>
      <c r="B29" t="s">
        <v>21</v>
      </c>
      <c r="C29">
        <v>3</v>
      </c>
      <c r="D29">
        <v>180</v>
      </c>
      <c r="E29">
        <v>0</v>
      </c>
      <c r="F29">
        <v>0</v>
      </c>
      <c r="G29">
        <v>0</v>
      </c>
      <c r="H29">
        <v>0</v>
      </c>
      <c r="I29">
        <v>0</v>
      </c>
      <c r="J29">
        <v>770</v>
      </c>
      <c r="K29">
        <v>0</v>
      </c>
      <c r="L29">
        <v>1900</v>
      </c>
      <c r="M29">
        <v>0</v>
      </c>
      <c r="N29">
        <v>1540</v>
      </c>
      <c r="O29">
        <v>0</v>
      </c>
      <c r="P29">
        <v>0</v>
      </c>
      <c r="Q29">
        <v>0</v>
      </c>
      <c r="R29">
        <v>0</v>
      </c>
      <c r="S29">
        <v>0</v>
      </c>
      <c r="T29">
        <v>0</v>
      </c>
      <c r="U29">
        <v>0</v>
      </c>
      <c r="V29">
        <v>0</v>
      </c>
      <c r="W29">
        <v>0</v>
      </c>
      <c r="X29">
        <v>0</v>
      </c>
      <c r="Y29">
        <v>0</v>
      </c>
      <c r="Z29">
        <v>0</v>
      </c>
      <c r="AA29">
        <v>0</v>
      </c>
      <c r="AB29">
        <v>0</v>
      </c>
      <c r="AC29">
        <v>0</v>
      </c>
      <c r="AD29">
        <v>0</v>
      </c>
      <c r="AE29">
        <v>0</v>
      </c>
      <c r="AF29">
        <v>0</v>
      </c>
      <c r="AG29">
        <v>0</v>
      </c>
      <c r="AH29">
        <v>0</v>
      </c>
      <c r="AI29">
        <v>0</v>
      </c>
      <c r="AJ29">
        <v>0</v>
      </c>
      <c r="AK29">
        <v>0</v>
      </c>
    </row>
    <row r="30" spans="1:37" x14ac:dyDescent="0.4">
      <c r="A30">
        <v>42</v>
      </c>
      <c r="B30" t="s">
        <v>22</v>
      </c>
      <c r="C30">
        <v>3</v>
      </c>
      <c r="D30">
        <v>180</v>
      </c>
      <c r="E30">
        <v>0</v>
      </c>
      <c r="F30">
        <v>0</v>
      </c>
      <c r="G30">
        <v>0</v>
      </c>
      <c r="H30">
        <v>2550</v>
      </c>
      <c r="I30">
        <v>0</v>
      </c>
      <c r="J30">
        <v>770</v>
      </c>
      <c r="K30">
        <v>0</v>
      </c>
      <c r="L30">
        <v>2420</v>
      </c>
      <c r="M30">
        <v>0</v>
      </c>
      <c r="N30">
        <v>1540</v>
      </c>
      <c r="O30">
        <v>0</v>
      </c>
      <c r="P30">
        <v>0</v>
      </c>
      <c r="Q30">
        <v>0</v>
      </c>
      <c r="R30">
        <v>0</v>
      </c>
      <c r="S30">
        <v>0</v>
      </c>
      <c r="T30">
        <v>0</v>
      </c>
      <c r="U30">
        <v>0</v>
      </c>
      <c r="V30">
        <v>0</v>
      </c>
      <c r="W30">
        <v>0</v>
      </c>
      <c r="X30">
        <v>0</v>
      </c>
      <c r="Y30">
        <v>0</v>
      </c>
      <c r="Z30">
        <v>0</v>
      </c>
      <c r="AA30">
        <v>0</v>
      </c>
      <c r="AB30">
        <v>0</v>
      </c>
      <c r="AC30">
        <v>0</v>
      </c>
      <c r="AD30">
        <v>0</v>
      </c>
      <c r="AE30">
        <v>0</v>
      </c>
      <c r="AF30">
        <v>0</v>
      </c>
      <c r="AG30">
        <v>0</v>
      </c>
      <c r="AH30">
        <v>0</v>
      </c>
      <c r="AI30">
        <v>0</v>
      </c>
      <c r="AJ30">
        <v>0</v>
      </c>
      <c r="AK30">
        <v>0</v>
      </c>
    </row>
    <row r="31" spans="1:37" x14ac:dyDescent="0.4">
      <c r="A31">
        <v>43</v>
      </c>
      <c r="B31" t="s">
        <v>23</v>
      </c>
      <c r="C31">
        <v>3</v>
      </c>
      <c r="D31">
        <v>180</v>
      </c>
      <c r="E31">
        <v>0</v>
      </c>
      <c r="F31">
        <v>0</v>
      </c>
      <c r="G31">
        <v>0</v>
      </c>
      <c r="H31">
        <v>2860</v>
      </c>
      <c r="I31">
        <v>0</v>
      </c>
      <c r="J31">
        <v>770</v>
      </c>
      <c r="K31">
        <v>0</v>
      </c>
      <c r="L31">
        <v>2520</v>
      </c>
      <c r="M31">
        <v>0</v>
      </c>
      <c r="N31">
        <v>1540</v>
      </c>
      <c r="O31">
        <v>0</v>
      </c>
      <c r="P31">
        <v>0</v>
      </c>
      <c r="Q31">
        <v>0</v>
      </c>
      <c r="R31">
        <v>0</v>
      </c>
      <c r="S31">
        <v>0</v>
      </c>
      <c r="T31">
        <v>0</v>
      </c>
      <c r="U31">
        <v>0</v>
      </c>
      <c r="V31">
        <v>0</v>
      </c>
      <c r="W31">
        <v>0</v>
      </c>
      <c r="X31">
        <v>0</v>
      </c>
      <c r="Y31">
        <v>0</v>
      </c>
      <c r="Z31">
        <v>0</v>
      </c>
      <c r="AA31">
        <v>0</v>
      </c>
      <c r="AB31">
        <v>0</v>
      </c>
      <c r="AC31">
        <v>0</v>
      </c>
      <c r="AD31">
        <v>0</v>
      </c>
      <c r="AE31">
        <v>0</v>
      </c>
      <c r="AF31">
        <v>0</v>
      </c>
      <c r="AG31">
        <v>0</v>
      </c>
      <c r="AH31">
        <v>0</v>
      </c>
      <c r="AI31">
        <v>0</v>
      </c>
      <c r="AJ31">
        <v>0</v>
      </c>
      <c r="AK31">
        <v>0</v>
      </c>
    </row>
    <row r="32" spans="1:37" x14ac:dyDescent="0.4">
      <c r="A32">
        <v>51</v>
      </c>
      <c r="B32" t="s">
        <v>24</v>
      </c>
      <c r="C32">
        <v>0</v>
      </c>
      <c r="D32">
        <v>60</v>
      </c>
      <c r="E32">
        <v>60</v>
      </c>
      <c r="F32">
        <v>0</v>
      </c>
      <c r="G32">
        <v>0</v>
      </c>
      <c r="H32">
        <v>0</v>
      </c>
      <c r="I32">
        <v>0</v>
      </c>
      <c r="J32">
        <v>0</v>
      </c>
      <c r="K32">
        <v>0</v>
      </c>
      <c r="L32">
        <v>0</v>
      </c>
      <c r="M32">
        <v>0</v>
      </c>
      <c r="N32">
        <v>0</v>
      </c>
      <c r="O32">
        <v>0</v>
      </c>
      <c r="P32">
        <v>0</v>
      </c>
      <c r="Q32">
        <v>0</v>
      </c>
      <c r="R32">
        <v>0</v>
      </c>
      <c r="S32">
        <v>0</v>
      </c>
      <c r="T32">
        <v>0</v>
      </c>
      <c r="U32">
        <v>0</v>
      </c>
      <c r="V32">
        <v>0</v>
      </c>
      <c r="W32">
        <v>0</v>
      </c>
      <c r="X32">
        <v>0</v>
      </c>
      <c r="Y32">
        <v>0</v>
      </c>
      <c r="Z32">
        <v>0</v>
      </c>
      <c r="AA32">
        <v>0</v>
      </c>
      <c r="AB32">
        <v>0</v>
      </c>
      <c r="AC32">
        <v>0</v>
      </c>
      <c r="AD32">
        <v>0</v>
      </c>
      <c r="AE32">
        <v>0</v>
      </c>
      <c r="AF32">
        <v>0</v>
      </c>
      <c r="AG32">
        <v>0</v>
      </c>
      <c r="AH32">
        <v>0</v>
      </c>
      <c r="AI32">
        <v>0</v>
      </c>
      <c r="AJ32">
        <v>0</v>
      </c>
      <c r="AK32">
        <v>0</v>
      </c>
    </row>
    <row r="33" spans="1:37" x14ac:dyDescent="0.4">
      <c r="A33">
        <v>52</v>
      </c>
      <c r="B33" t="s">
        <v>25</v>
      </c>
      <c r="C33">
        <v>0</v>
      </c>
      <c r="D33">
        <v>0</v>
      </c>
      <c r="E33">
        <v>0</v>
      </c>
      <c r="F33">
        <v>0</v>
      </c>
      <c r="G33">
        <v>0</v>
      </c>
      <c r="H33">
        <v>680</v>
      </c>
      <c r="I33">
        <v>0</v>
      </c>
      <c r="J33">
        <v>0</v>
      </c>
      <c r="K33">
        <v>0</v>
      </c>
      <c r="L33">
        <v>0</v>
      </c>
      <c r="M33">
        <v>0</v>
      </c>
      <c r="N33">
        <v>0</v>
      </c>
      <c r="O33">
        <v>0</v>
      </c>
      <c r="P33">
        <v>0</v>
      </c>
      <c r="Q33">
        <v>0</v>
      </c>
      <c r="R33">
        <v>0</v>
      </c>
      <c r="S33">
        <v>0</v>
      </c>
      <c r="T33">
        <v>0</v>
      </c>
      <c r="U33">
        <v>0</v>
      </c>
      <c r="V33">
        <v>0</v>
      </c>
      <c r="W33">
        <v>0</v>
      </c>
      <c r="X33">
        <v>0</v>
      </c>
      <c r="Y33">
        <v>0</v>
      </c>
      <c r="Z33">
        <v>0</v>
      </c>
      <c r="AA33">
        <v>0</v>
      </c>
      <c r="AB33">
        <v>0</v>
      </c>
      <c r="AC33">
        <v>0</v>
      </c>
      <c r="AD33">
        <v>0</v>
      </c>
      <c r="AE33">
        <v>0</v>
      </c>
      <c r="AF33">
        <v>0</v>
      </c>
      <c r="AG33">
        <v>0</v>
      </c>
      <c r="AH33">
        <v>0</v>
      </c>
      <c r="AI33">
        <v>0</v>
      </c>
      <c r="AJ33">
        <v>0</v>
      </c>
      <c r="AK33">
        <v>0</v>
      </c>
    </row>
    <row r="34" spans="1:37" x14ac:dyDescent="0.4">
      <c r="A34">
        <v>93</v>
      </c>
      <c r="B34" t="s">
        <v>26</v>
      </c>
      <c r="C34">
        <v>3</v>
      </c>
      <c r="D34">
        <v>0</v>
      </c>
      <c r="E34">
        <v>30</v>
      </c>
      <c r="F34">
        <v>0</v>
      </c>
      <c r="G34">
        <v>0</v>
      </c>
      <c r="H34">
        <v>1450</v>
      </c>
      <c r="I34">
        <v>0</v>
      </c>
      <c r="J34">
        <v>0</v>
      </c>
      <c r="K34">
        <v>0</v>
      </c>
      <c r="L34">
        <v>1300</v>
      </c>
      <c r="M34">
        <v>0</v>
      </c>
      <c r="N34">
        <v>0</v>
      </c>
      <c r="O34">
        <v>0</v>
      </c>
      <c r="P34">
        <v>0</v>
      </c>
      <c r="Q34">
        <v>0</v>
      </c>
      <c r="R34">
        <v>0</v>
      </c>
      <c r="S34">
        <v>0</v>
      </c>
      <c r="T34">
        <v>0</v>
      </c>
      <c r="U34">
        <v>0</v>
      </c>
      <c r="V34">
        <v>0</v>
      </c>
      <c r="W34">
        <v>0</v>
      </c>
      <c r="X34">
        <v>0</v>
      </c>
      <c r="Y34">
        <v>0</v>
      </c>
      <c r="Z34">
        <v>0</v>
      </c>
      <c r="AA34">
        <v>0</v>
      </c>
      <c r="AB34">
        <v>0</v>
      </c>
      <c r="AC34">
        <v>0</v>
      </c>
      <c r="AD34">
        <v>0</v>
      </c>
      <c r="AE34">
        <v>0</v>
      </c>
      <c r="AF34">
        <v>0</v>
      </c>
      <c r="AG34">
        <v>0</v>
      </c>
      <c r="AH34">
        <v>0</v>
      </c>
      <c r="AI34">
        <v>0</v>
      </c>
      <c r="AJ34">
        <v>0</v>
      </c>
      <c r="AK34">
        <v>0</v>
      </c>
    </row>
    <row r="35" spans="1:37" x14ac:dyDescent="0.4">
      <c r="A35">
        <v>94</v>
      </c>
      <c r="B35" t="s">
        <v>27</v>
      </c>
      <c r="C35">
        <v>3</v>
      </c>
      <c r="D35">
        <v>0</v>
      </c>
      <c r="E35">
        <v>30</v>
      </c>
      <c r="F35">
        <v>0</v>
      </c>
      <c r="G35">
        <v>0</v>
      </c>
      <c r="H35">
        <v>0</v>
      </c>
      <c r="I35">
        <v>0</v>
      </c>
      <c r="J35">
        <v>0</v>
      </c>
      <c r="K35">
        <v>0</v>
      </c>
      <c r="L35">
        <v>1550</v>
      </c>
      <c r="M35">
        <v>0</v>
      </c>
      <c r="N35">
        <v>1450</v>
      </c>
      <c r="O35">
        <v>0</v>
      </c>
      <c r="P35">
        <v>0</v>
      </c>
      <c r="Q35">
        <v>0</v>
      </c>
      <c r="R35">
        <v>0</v>
      </c>
      <c r="S35">
        <v>0</v>
      </c>
      <c r="T35">
        <v>0</v>
      </c>
      <c r="U35">
        <v>0</v>
      </c>
      <c r="V35">
        <v>0</v>
      </c>
      <c r="W35">
        <v>0</v>
      </c>
      <c r="X35">
        <v>0</v>
      </c>
      <c r="Y35">
        <v>0</v>
      </c>
      <c r="Z35">
        <v>0</v>
      </c>
      <c r="AA35">
        <v>0</v>
      </c>
      <c r="AB35">
        <v>0</v>
      </c>
      <c r="AC35">
        <v>0</v>
      </c>
      <c r="AD35">
        <v>0</v>
      </c>
      <c r="AE35">
        <v>0</v>
      </c>
      <c r="AF35">
        <v>0</v>
      </c>
      <c r="AG35">
        <v>0</v>
      </c>
      <c r="AH35">
        <v>0</v>
      </c>
      <c r="AI35">
        <v>0</v>
      </c>
      <c r="AJ35">
        <v>0</v>
      </c>
      <c r="AK35">
        <v>0</v>
      </c>
    </row>
    <row r="36" spans="1:37" x14ac:dyDescent="0.4">
      <c r="A36">
        <v>95</v>
      </c>
      <c r="B36" t="s">
        <v>28</v>
      </c>
      <c r="C36">
        <v>3</v>
      </c>
      <c r="D36">
        <v>0</v>
      </c>
      <c r="E36">
        <v>30</v>
      </c>
      <c r="F36">
        <v>0</v>
      </c>
      <c r="G36">
        <v>0</v>
      </c>
      <c r="H36">
        <v>2440</v>
      </c>
      <c r="I36">
        <v>0</v>
      </c>
      <c r="J36">
        <v>0</v>
      </c>
      <c r="K36">
        <v>0</v>
      </c>
      <c r="L36">
        <v>2000</v>
      </c>
      <c r="M36">
        <v>0</v>
      </c>
      <c r="N36">
        <v>1450</v>
      </c>
      <c r="O36">
        <v>0</v>
      </c>
      <c r="P36">
        <v>0</v>
      </c>
      <c r="Q36">
        <v>0</v>
      </c>
      <c r="R36">
        <v>0</v>
      </c>
      <c r="S36">
        <v>0</v>
      </c>
      <c r="T36">
        <v>0</v>
      </c>
      <c r="U36">
        <v>0</v>
      </c>
      <c r="V36">
        <v>0</v>
      </c>
      <c r="W36">
        <v>0</v>
      </c>
      <c r="X36">
        <v>0</v>
      </c>
      <c r="Y36">
        <v>0</v>
      </c>
      <c r="Z36">
        <v>0</v>
      </c>
      <c r="AA36">
        <v>0</v>
      </c>
      <c r="AB36">
        <v>0</v>
      </c>
      <c r="AC36">
        <v>0</v>
      </c>
      <c r="AD36">
        <v>0</v>
      </c>
      <c r="AE36">
        <v>0</v>
      </c>
      <c r="AF36">
        <v>0</v>
      </c>
      <c r="AG36">
        <v>0</v>
      </c>
      <c r="AH36">
        <v>0</v>
      </c>
      <c r="AI36">
        <v>0</v>
      </c>
      <c r="AJ36">
        <v>0</v>
      </c>
      <c r="AK36">
        <v>0</v>
      </c>
    </row>
    <row r="37" spans="1:37" x14ac:dyDescent="0.4">
      <c r="A37">
        <v>96</v>
      </c>
      <c r="B37" t="s">
        <v>26</v>
      </c>
      <c r="C37">
        <v>3</v>
      </c>
      <c r="D37">
        <v>0</v>
      </c>
      <c r="E37">
        <v>30</v>
      </c>
      <c r="F37">
        <v>0</v>
      </c>
      <c r="G37">
        <v>0</v>
      </c>
      <c r="H37">
        <v>1500</v>
      </c>
      <c r="I37">
        <v>0</v>
      </c>
      <c r="J37">
        <v>0</v>
      </c>
      <c r="K37">
        <v>0</v>
      </c>
      <c r="L37">
        <v>1400</v>
      </c>
      <c r="M37">
        <v>0</v>
      </c>
      <c r="N37">
        <v>0</v>
      </c>
      <c r="O37">
        <v>0</v>
      </c>
      <c r="P37">
        <v>0</v>
      </c>
      <c r="Q37">
        <v>0</v>
      </c>
      <c r="R37">
        <v>0</v>
      </c>
      <c r="S37">
        <v>0</v>
      </c>
      <c r="T37">
        <v>0</v>
      </c>
      <c r="U37">
        <v>0</v>
      </c>
      <c r="V37">
        <v>0</v>
      </c>
      <c r="W37">
        <v>0</v>
      </c>
      <c r="X37">
        <v>0</v>
      </c>
      <c r="Y37">
        <v>0</v>
      </c>
      <c r="Z37">
        <v>0</v>
      </c>
      <c r="AA37">
        <v>0</v>
      </c>
      <c r="AB37">
        <v>0</v>
      </c>
      <c r="AC37">
        <v>0</v>
      </c>
      <c r="AD37">
        <v>0</v>
      </c>
      <c r="AE37">
        <v>0</v>
      </c>
      <c r="AF37">
        <v>0</v>
      </c>
      <c r="AG37">
        <v>0</v>
      </c>
      <c r="AH37">
        <v>0</v>
      </c>
      <c r="AI37">
        <v>0</v>
      </c>
      <c r="AJ37">
        <v>0</v>
      </c>
      <c r="AK37">
        <v>0</v>
      </c>
    </row>
    <row r="38" spans="1:37" x14ac:dyDescent="0.4">
      <c r="A38">
        <v>97</v>
      </c>
      <c r="B38" t="s">
        <v>27</v>
      </c>
      <c r="C38">
        <v>3</v>
      </c>
      <c r="D38">
        <v>0</v>
      </c>
      <c r="E38">
        <v>30</v>
      </c>
      <c r="F38">
        <v>0</v>
      </c>
      <c r="G38">
        <v>0</v>
      </c>
      <c r="H38">
        <v>0</v>
      </c>
      <c r="I38">
        <v>0</v>
      </c>
      <c r="J38">
        <v>0</v>
      </c>
      <c r="K38">
        <v>0</v>
      </c>
      <c r="L38">
        <v>1650</v>
      </c>
      <c r="M38">
        <v>0</v>
      </c>
      <c r="N38">
        <v>1500</v>
      </c>
      <c r="O38">
        <v>0</v>
      </c>
      <c r="P38">
        <v>0</v>
      </c>
      <c r="Q38">
        <v>0</v>
      </c>
      <c r="R38">
        <v>0</v>
      </c>
      <c r="S38">
        <v>0</v>
      </c>
      <c r="T38">
        <v>0</v>
      </c>
      <c r="U38">
        <v>0</v>
      </c>
      <c r="V38">
        <v>0</v>
      </c>
      <c r="W38">
        <v>0</v>
      </c>
      <c r="X38">
        <v>0</v>
      </c>
      <c r="Y38">
        <v>0</v>
      </c>
      <c r="Z38">
        <v>0</v>
      </c>
      <c r="AA38">
        <v>0</v>
      </c>
      <c r="AB38">
        <v>0</v>
      </c>
      <c r="AC38">
        <v>0</v>
      </c>
      <c r="AD38">
        <v>0</v>
      </c>
      <c r="AE38">
        <v>0</v>
      </c>
      <c r="AF38">
        <v>0</v>
      </c>
      <c r="AG38">
        <v>0</v>
      </c>
      <c r="AH38">
        <v>0</v>
      </c>
      <c r="AI38">
        <v>0</v>
      </c>
      <c r="AJ38">
        <v>0</v>
      </c>
      <c r="AK38">
        <v>0</v>
      </c>
    </row>
    <row r="39" spans="1:37" x14ac:dyDescent="0.4">
      <c r="A39">
        <v>98</v>
      </c>
      <c r="B39" t="s">
        <v>28</v>
      </c>
      <c r="C39">
        <v>3</v>
      </c>
      <c r="D39">
        <v>0</v>
      </c>
      <c r="E39">
        <v>30</v>
      </c>
      <c r="F39">
        <v>0</v>
      </c>
      <c r="G39">
        <v>0</v>
      </c>
      <c r="H39">
        <v>2440</v>
      </c>
      <c r="I39">
        <v>0</v>
      </c>
      <c r="J39">
        <v>0</v>
      </c>
      <c r="K39">
        <v>0</v>
      </c>
      <c r="L39">
        <v>2200</v>
      </c>
      <c r="M39">
        <v>0</v>
      </c>
      <c r="N39">
        <v>1500</v>
      </c>
      <c r="O39">
        <v>0</v>
      </c>
      <c r="P39">
        <v>0</v>
      </c>
      <c r="Q39">
        <v>0</v>
      </c>
      <c r="R39">
        <v>0</v>
      </c>
      <c r="S39">
        <v>0</v>
      </c>
      <c r="T39">
        <v>0</v>
      </c>
      <c r="U39">
        <v>0</v>
      </c>
      <c r="V39">
        <v>0</v>
      </c>
      <c r="W39">
        <v>0</v>
      </c>
      <c r="X39">
        <v>0</v>
      </c>
      <c r="Y39">
        <v>0</v>
      </c>
      <c r="Z39">
        <v>0</v>
      </c>
      <c r="AA39">
        <v>0</v>
      </c>
      <c r="AB39">
        <v>0</v>
      </c>
      <c r="AC39">
        <v>0</v>
      </c>
      <c r="AD39">
        <v>0</v>
      </c>
      <c r="AE39">
        <v>0</v>
      </c>
      <c r="AF39">
        <v>0</v>
      </c>
      <c r="AG39">
        <v>0</v>
      </c>
      <c r="AH39">
        <v>0</v>
      </c>
      <c r="AI39">
        <v>0</v>
      </c>
      <c r="AJ39">
        <v>0</v>
      </c>
      <c r="AK39">
        <v>0</v>
      </c>
    </row>
    <row r="40" spans="1:37" x14ac:dyDescent="0.4">
      <c r="A40">
        <v>100</v>
      </c>
      <c r="B40" t="s">
        <v>29</v>
      </c>
      <c r="C40">
        <v>0</v>
      </c>
      <c r="D40">
        <v>60</v>
      </c>
      <c r="E40">
        <v>30</v>
      </c>
      <c r="F40">
        <v>0</v>
      </c>
      <c r="G40">
        <v>0</v>
      </c>
      <c r="H40">
        <v>820</v>
      </c>
      <c r="I40">
        <v>410</v>
      </c>
      <c r="J40">
        <v>410</v>
      </c>
      <c r="K40">
        <v>205</v>
      </c>
      <c r="L40">
        <v>700</v>
      </c>
      <c r="M40">
        <v>350</v>
      </c>
      <c r="N40">
        <v>0</v>
      </c>
      <c r="O40">
        <v>0</v>
      </c>
      <c r="P40">
        <v>0</v>
      </c>
      <c r="Q40">
        <v>0</v>
      </c>
      <c r="R40">
        <v>0</v>
      </c>
      <c r="S40">
        <v>0</v>
      </c>
      <c r="T40">
        <v>0</v>
      </c>
      <c r="U40">
        <v>0</v>
      </c>
      <c r="V40">
        <v>0</v>
      </c>
      <c r="W40">
        <v>0</v>
      </c>
      <c r="X40">
        <v>0</v>
      </c>
      <c r="Y40">
        <v>0</v>
      </c>
      <c r="Z40">
        <v>0</v>
      </c>
      <c r="AA40">
        <v>0</v>
      </c>
      <c r="AB40">
        <v>0</v>
      </c>
      <c r="AC40">
        <v>0</v>
      </c>
      <c r="AD40">
        <v>0</v>
      </c>
      <c r="AE40">
        <v>0</v>
      </c>
      <c r="AF40">
        <v>0</v>
      </c>
      <c r="AG40">
        <v>0</v>
      </c>
      <c r="AH40">
        <v>0</v>
      </c>
      <c r="AI40">
        <v>0</v>
      </c>
      <c r="AJ40">
        <v>0</v>
      </c>
      <c r="AK40">
        <v>0</v>
      </c>
    </row>
    <row r="41" spans="1:37" x14ac:dyDescent="0.4">
      <c r="A41">
        <v>101</v>
      </c>
      <c r="B41" t="s">
        <v>30</v>
      </c>
      <c r="C41">
        <v>0</v>
      </c>
      <c r="D41">
        <v>60</v>
      </c>
      <c r="E41">
        <v>30</v>
      </c>
      <c r="F41">
        <v>0</v>
      </c>
      <c r="G41">
        <v>0</v>
      </c>
      <c r="H41">
        <v>1400</v>
      </c>
      <c r="I41">
        <v>700</v>
      </c>
      <c r="J41">
        <v>410</v>
      </c>
      <c r="K41">
        <v>205</v>
      </c>
      <c r="L41">
        <v>0</v>
      </c>
      <c r="M41">
        <v>0</v>
      </c>
      <c r="N41">
        <v>820</v>
      </c>
      <c r="O41">
        <v>410</v>
      </c>
      <c r="P41">
        <v>0</v>
      </c>
      <c r="Q41">
        <v>0</v>
      </c>
      <c r="R41">
        <v>0</v>
      </c>
      <c r="S41">
        <v>0</v>
      </c>
      <c r="T41">
        <v>0</v>
      </c>
      <c r="U41">
        <v>0</v>
      </c>
      <c r="V41">
        <v>0</v>
      </c>
      <c r="W41">
        <v>0</v>
      </c>
      <c r="X41">
        <v>0</v>
      </c>
      <c r="Y41">
        <v>0</v>
      </c>
      <c r="Z41">
        <v>0</v>
      </c>
      <c r="AA41">
        <v>0</v>
      </c>
      <c r="AB41">
        <v>0</v>
      </c>
      <c r="AC41">
        <v>0</v>
      </c>
      <c r="AD41">
        <v>0</v>
      </c>
      <c r="AE41">
        <v>0</v>
      </c>
      <c r="AF41">
        <v>0</v>
      </c>
      <c r="AG41">
        <v>0</v>
      </c>
      <c r="AH41">
        <v>0</v>
      </c>
      <c r="AI41">
        <v>0</v>
      </c>
      <c r="AJ41">
        <v>0</v>
      </c>
      <c r="AK41">
        <v>0</v>
      </c>
    </row>
    <row r="42" spans="1:37" x14ac:dyDescent="0.4">
      <c r="A42">
        <v>102</v>
      </c>
      <c r="B42" t="s">
        <v>31</v>
      </c>
      <c r="C42">
        <v>0</v>
      </c>
      <c r="D42">
        <v>60</v>
      </c>
      <c r="E42">
        <v>30</v>
      </c>
      <c r="F42">
        <v>0</v>
      </c>
      <c r="G42">
        <v>0</v>
      </c>
      <c r="H42">
        <v>1520</v>
      </c>
      <c r="I42">
        <v>760</v>
      </c>
      <c r="J42">
        <v>410</v>
      </c>
      <c r="K42">
        <v>205</v>
      </c>
      <c r="L42">
        <v>0</v>
      </c>
      <c r="M42">
        <v>0</v>
      </c>
      <c r="N42">
        <v>820</v>
      </c>
      <c r="O42">
        <v>410</v>
      </c>
      <c r="P42">
        <v>0</v>
      </c>
      <c r="Q42">
        <v>0</v>
      </c>
      <c r="R42">
        <v>0</v>
      </c>
      <c r="S42">
        <v>0</v>
      </c>
      <c r="T42">
        <v>0</v>
      </c>
      <c r="U42">
        <v>0</v>
      </c>
      <c r="V42">
        <v>0</v>
      </c>
      <c r="W42">
        <v>0</v>
      </c>
      <c r="X42">
        <v>0</v>
      </c>
      <c r="Y42">
        <v>0</v>
      </c>
      <c r="Z42">
        <v>0</v>
      </c>
      <c r="AA42">
        <v>0</v>
      </c>
      <c r="AB42">
        <v>0</v>
      </c>
      <c r="AC42">
        <v>0</v>
      </c>
      <c r="AD42">
        <v>0</v>
      </c>
      <c r="AE42">
        <v>0</v>
      </c>
      <c r="AF42">
        <v>0</v>
      </c>
      <c r="AG42">
        <v>0</v>
      </c>
      <c r="AH42">
        <v>0</v>
      </c>
      <c r="AI42">
        <v>0</v>
      </c>
      <c r="AJ42">
        <v>0</v>
      </c>
      <c r="AK42">
        <v>0</v>
      </c>
    </row>
    <row r="43" spans="1:37" x14ac:dyDescent="0.4">
      <c r="A43">
        <v>103</v>
      </c>
      <c r="B43" t="s">
        <v>32</v>
      </c>
      <c r="C43">
        <v>3</v>
      </c>
      <c r="D43">
        <v>180</v>
      </c>
      <c r="E43">
        <v>0</v>
      </c>
      <c r="F43">
        <v>0</v>
      </c>
      <c r="G43">
        <v>0</v>
      </c>
      <c r="H43">
        <v>1750</v>
      </c>
      <c r="I43">
        <v>0</v>
      </c>
      <c r="J43">
        <v>875</v>
      </c>
      <c r="K43">
        <v>0</v>
      </c>
      <c r="L43">
        <v>0</v>
      </c>
      <c r="M43">
        <v>0</v>
      </c>
      <c r="N43">
        <v>0</v>
      </c>
      <c r="O43">
        <v>0</v>
      </c>
      <c r="P43">
        <v>0</v>
      </c>
      <c r="Q43">
        <v>0</v>
      </c>
      <c r="R43">
        <v>0</v>
      </c>
      <c r="S43">
        <v>0</v>
      </c>
      <c r="T43">
        <v>0</v>
      </c>
      <c r="U43">
        <v>0</v>
      </c>
      <c r="V43">
        <v>0</v>
      </c>
      <c r="W43">
        <v>0</v>
      </c>
      <c r="X43">
        <v>0</v>
      </c>
      <c r="Y43">
        <v>0</v>
      </c>
      <c r="Z43">
        <v>0</v>
      </c>
      <c r="AA43">
        <v>0</v>
      </c>
      <c r="AB43">
        <v>0</v>
      </c>
      <c r="AC43">
        <v>0</v>
      </c>
      <c r="AD43">
        <v>0</v>
      </c>
      <c r="AE43">
        <v>0</v>
      </c>
      <c r="AF43">
        <v>0</v>
      </c>
      <c r="AG43">
        <v>0</v>
      </c>
      <c r="AH43">
        <v>0</v>
      </c>
      <c r="AI43">
        <v>0</v>
      </c>
      <c r="AJ43">
        <v>0</v>
      </c>
      <c r="AK43">
        <v>0</v>
      </c>
    </row>
    <row r="44" spans="1:37" x14ac:dyDescent="0.4">
      <c r="A44">
        <v>104</v>
      </c>
      <c r="B44" t="s">
        <v>33</v>
      </c>
      <c r="C44">
        <v>3</v>
      </c>
      <c r="D44">
        <v>180</v>
      </c>
      <c r="E44">
        <v>0</v>
      </c>
      <c r="F44">
        <v>0</v>
      </c>
      <c r="G44">
        <v>0</v>
      </c>
      <c r="H44">
        <v>2750</v>
      </c>
      <c r="I44">
        <v>0</v>
      </c>
      <c r="J44">
        <v>875</v>
      </c>
      <c r="K44">
        <v>0</v>
      </c>
      <c r="L44">
        <v>0</v>
      </c>
      <c r="M44">
        <v>0</v>
      </c>
      <c r="N44">
        <v>1750</v>
      </c>
      <c r="O44">
        <v>0</v>
      </c>
      <c r="P44">
        <v>0</v>
      </c>
      <c r="Q44">
        <v>0</v>
      </c>
      <c r="R44">
        <v>0</v>
      </c>
      <c r="S44">
        <v>0</v>
      </c>
      <c r="T44">
        <v>0</v>
      </c>
      <c r="U44">
        <v>0</v>
      </c>
      <c r="V44">
        <v>0</v>
      </c>
      <c r="W44">
        <v>0</v>
      </c>
      <c r="X44">
        <v>0</v>
      </c>
      <c r="Y44">
        <v>0</v>
      </c>
      <c r="Z44">
        <v>0</v>
      </c>
      <c r="AA44">
        <v>0</v>
      </c>
      <c r="AB44">
        <v>0</v>
      </c>
      <c r="AC44">
        <v>0</v>
      </c>
      <c r="AD44">
        <v>0</v>
      </c>
      <c r="AE44">
        <v>0</v>
      </c>
      <c r="AF44">
        <v>0</v>
      </c>
      <c r="AG44">
        <v>0</v>
      </c>
      <c r="AH44">
        <v>0</v>
      </c>
      <c r="AI44">
        <v>0</v>
      </c>
      <c r="AJ44">
        <v>0</v>
      </c>
      <c r="AK44">
        <v>0</v>
      </c>
    </row>
    <row r="45" spans="1:37" x14ac:dyDescent="0.4">
      <c r="A45">
        <v>105</v>
      </c>
      <c r="B45" t="s">
        <v>34</v>
      </c>
      <c r="C45">
        <v>0</v>
      </c>
      <c r="D45">
        <v>60</v>
      </c>
      <c r="E45">
        <v>30</v>
      </c>
      <c r="F45">
        <v>0</v>
      </c>
      <c r="G45">
        <v>0</v>
      </c>
      <c r="H45">
        <v>0</v>
      </c>
      <c r="I45">
        <v>0</v>
      </c>
      <c r="J45">
        <v>0</v>
      </c>
      <c r="K45">
        <v>0</v>
      </c>
      <c r="L45">
        <v>1000</v>
      </c>
      <c r="M45">
        <v>500</v>
      </c>
      <c r="N45">
        <v>700</v>
      </c>
      <c r="O45">
        <v>350</v>
      </c>
      <c r="P45">
        <v>0</v>
      </c>
      <c r="Q45">
        <v>0</v>
      </c>
      <c r="R45">
        <v>0</v>
      </c>
      <c r="S45">
        <v>0</v>
      </c>
      <c r="T45">
        <v>0</v>
      </c>
      <c r="U45">
        <v>0</v>
      </c>
      <c r="V45">
        <v>0</v>
      </c>
      <c r="W45">
        <v>0</v>
      </c>
      <c r="X45">
        <v>0</v>
      </c>
      <c r="Y45">
        <v>0</v>
      </c>
      <c r="Z45">
        <v>0</v>
      </c>
      <c r="AA45">
        <v>0</v>
      </c>
      <c r="AB45">
        <v>0</v>
      </c>
      <c r="AC45">
        <v>0</v>
      </c>
      <c r="AD45">
        <v>0</v>
      </c>
      <c r="AE45">
        <v>0</v>
      </c>
      <c r="AF45">
        <v>0</v>
      </c>
      <c r="AG45">
        <v>0</v>
      </c>
      <c r="AH45">
        <v>0</v>
      </c>
      <c r="AI45">
        <v>0</v>
      </c>
      <c r="AJ45">
        <v>0</v>
      </c>
      <c r="AK45">
        <v>0</v>
      </c>
    </row>
    <row r="46" spans="1:37" x14ac:dyDescent="0.4">
      <c r="A46">
        <v>106</v>
      </c>
      <c r="B46" t="s">
        <v>35</v>
      </c>
      <c r="C46">
        <v>3</v>
      </c>
      <c r="D46">
        <v>0</v>
      </c>
      <c r="E46">
        <v>30</v>
      </c>
      <c r="F46">
        <v>0</v>
      </c>
      <c r="G46">
        <v>0</v>
      </c>
      <c r="H46">
        <v>1800</v>
      </c>
      <c r="I46">
        <v>0</v>
      </c>
      <c r="J46">
        <v>0</v>
      </c>
      <c r="K46">
        <v>0</v>
      </c>
      <c r="L46">
        <v>1680</v>
      </c>
      <c r="M46">
        <v>0</v>
      </c>
      <c r="N46">
        <v>0</v>
      </c>
      <c r="O46">
        <v>0</v>
      </c>
      <c r="P46">
        <v>0</v>
      </c>
      <c r="Q46">
        <v>0</v>
      </c>
      <c r="R46">
        <v>0</v>
      </c>
      <c r="S46">
        <v>0</v>
      </c>
      <c r="T46">
        <v>0</v>
      </c>
      <c r="U46">
        <v>0</v>
      </c>
      <c r="V46">
        <v>0</v>
      </c>
      <c r="W46">
        <v>0</v>
      </c>
      <c r="X46">
        <v>0</v>
      </c>
      <c r="Y46">
        <v>0</v>
      </c>
      <c r="Z46">
        <v>0</v>
      </c>
      <c r="AA46">
        <v>0</v>
      </c>
      <c r="AB46">
        <v>0</v>
      </c>
      <c r="AC46">
        <v>0</v>
      </c>
      <c r="AD46">
        <v>0</v>
      </c>
      <c r="AE46">
        <v>0</v>
      </c>
      <c r="AF46">
        <v>0</v>
      </c>
      <c r="AG46">
        <v>0</v>
      </c>
      <c r="AH46">
        <v>0</v>
      </c>
      <c r="AI46">
        <v>0</v>
      </c>
      <c r="AJ46">
        <v>0</v>
      </c>
      <c r="AK46">
        <v>0</v>
      </c>
    </row>
    <row r="47" spans="1:37" x14ac:dyDescent="0.4">
      <c r="A47">
        <v>107</v>
      </c>
      <c r="B47" t="s">
        <v>36</v>
      </c>
      <c r="C47">
        <v>3</v>
      </c>
      <c r="D47">
        <v>0</v>
      </c>
      <c r="E47">
        <v>30</v>
      </c>
      <c r="F47">
        <v>0</v>
      </c>
      <c r="G47">
        <v>0</v>
      </c>
      <c r="H47">
        <v>2840</v>
      </c>
      <c r="I47">
        <v>0</v>
      </c>
      <c r="J47">
        <v>0</v>
      </c>
      <c r="K47">
        <v>0</v>
      </c>
      <c r="L47">
        <v>0</v>
      </c>
      <c r="M47">
        <v>0</v>
      </c>
      <c r="N47">
        <v>1800</v>
      </c>
      <c r="O47">
        <v>0</v>
      </c>
      <c r="P47">
        <v>0</v>
      </c>
      <c r="Q47">
        <v>0</v>
      </c>
      <c r="R47">
        <v>0</v>
      </c>
      <c r="S47">
        <v>0</v>
      </c>
      <c r="T47">
        <v>0</v>
      </c>
      <c r="U47">
        <v>0</v>
      </c>
      <c r="V47">
        <v>0</v>
      </c>
      <c r="W47">
        <v>0</v>
      </c>
      <c r="X47">
        <v>0</v>
      </c>
      <c r="Y47">
        <v>0</v>
      </c>
      <c r="Z47">
        <v>0</v>
      </c>
      <c r="AA47">
        <v>0</v>
      </c>
      <c r="AB47">
        <v>0</v>
      </c>
      <c r="AC47">
        <v>0</v>
      </c>
      <c r="AD47">
        <v>0</v>
      </c>
      <c r="AE47">
        <v>0</v>
      </c>
      <c r="AF47">
        <v>0</v>
      </c>
      <c r="AG47">
        <v>0</v>
      </c>
      <c r="AH47">
        <v>0</v>
      </c>
      <c r="AI47">
        <v>0</v>
      </c>
      <c r="AJ47">
        <v>0</v>
      </c>
      <c r="AK47">
        <v>0</v>
      </c>
    </row>
    <row r="48" spans="1:37" x14ac:dyDescent="0.4">
      <c r="A48">
        <v>109</v>
      </c>
      <c r="B48" t="s">
        <v>37</v>
      </c>
      <c r="C48">
        <v>3</v>
      </c>
      <c r="D48">
        <v>0</v>
      </c>
      <c r="E48">
        <v>30</v>
      </c>
      <c r="F48">
        <v>0</v>
      </c>
      <c r="G48">
        <v>0</v>
      </c>
      <c r="H48">
        <v>3000</v>
      </c>
      <c r="I48">
        <v>0</v>
      </c>
      <c r="J48">
        <v>0</v>
      </c>
      <c r="K48">
        <v>0</v>
      </c>
      <c r="L48">
        <v>0</v>
      </c>
      <c r="M48">
        <v>0</v>
      </c>
      <c r="N48">
        <v>1800</v>
      </c>
      <c r="O48">
        <v>0</v>
      </c>
      <c r="P48">
        <v>0</v>
      </c>
      <c r="Q48">
        <v>0</v>
      </c>
      <c r="R48">
        <v>0</v>
      </c>
      <c r="S48">
        <v>0</v>
      </c>
      <c r="T48">
        <v>0</v>
      </c>
      <c r="U48">
        <v>0</v>
      </c>
      <c r="V48">
        <v>0</v>
      </c>
      <c r="W48">
        <v>0</v>
      </c>
      <c r="X48">
        <v>0</v>
      </c>
      <c r="Y48">
        <v>0</v>
      </c>
      <c r="Z48">
        <v>0</v>
      </c>
      <c r="AA48">
        <v>0</v>
      </c>
      <c r="AB48">
        <v>0</v>
      </c>
      <c r="AC48">
        <v>0</v>
      </c>
      <c r="AD48">
        <v>0</v>
      </c>
      <c r="AE48">
        <v>0</v>
      </c>
      <c r="AF48">
        <v>0</v>
      </c>
      <c r="AG48">
        <v>0</v>
      </c>
      <c r="AH48">
        <v>0</v>
      </c>
      <c r="AI48">
        <v>0</v>
      </c>
      <c r="AJ48">
        <v>0</v>
      </c>
      <c r="AK48">
        <v>0</v>
      </c>
    </row>
    <row r="49" spans="1:37" x14ac:dyDescent="0.4">
      <c r="A49">
        <v>110</v>
      </c>
      <c r="B49" t="s">
        <v>38</v>
      </c>
      <c r="C49">
        <v>0</v>
      </c>
      <c r="D49">
        <v>120</v>
      </c>
      <c r="E49">
        <v>120</v>
      </c>
      <c r="F49">
        <v>0</v>
      </c>
      <c r="G49">
        <v>0</v>
      </c>
      <c r="H49">
        <v>600</v>
      </c>
      <c r="I49">
        <v>0</v>
      </c>
      <c r="J49">
        <v>300</v>
      </c>
      <c r="K49">
        <v>0</v>
      </c>
      <c r="L49">
        <v>0</v>
      </c>
      <c r="M49">
        <v>0</v>
      </c>
      <c r="N49">
        <v>0</v>
      </c>
      <c r="O49">
        <v>0</v>
      </c>
      <c r="P49">
        <v>0</v>
      </c>
      <c r="Q49">
        <v>0</v>
      </c>
      <c r="R49">
        <v>0</v>
      </c>
      <c r="S49">
        <v>0</v>
      </c>
      <c r="T49">
        <v>0</v>
      </c>
      <c r="U49">
        <v>0</v>
      </c>
      <c r="V49">
        <v>0</v>
      </c>
      <c r="W49">
        <v>0</v>
      </c>
      <c r="X49">
        <v>0</v>
      </c>
      <c r="Y49">
        <v>0</v>
      </c>
      <c r="Z49">
        <v>0</v>
      </c>
      <c r="AA49">
        <v>0</v>
      </c>
      <c r="AB49">
        <v>0</v>
      </c>
      <c r="AC49">
        <v>0</v>
      </c>
      <c r="AD49">
        <v>0</v>
      </c>
      <c r="AE49">
        <v>0</v>
      </c>
      <c r="AF49">
        <v>0</v>
      </c>
      <c r="AG49">
        <v>0</v>
      </c>
      <c r="AH49">
        <v>0</v>
      </c>
      <c r="AI49">
        <v>0</v>
      </c>
      <c r="AJ49">
        <v>0</v>
      </c>
      <c r="AK49">
        <v>0</v>
      </c>
    </row>
    <row r="50" spans="1:37" x14ac:dyDescent="0.4">
      <c r="A50">
        <v>111</v>
      </c>
      <c r="B50" t="s">
        <v>39</v>
      </c>
      <c r="C50">
        <v>0</v>
      </c>
      <c r="D50">
        <v>180</v>
      </c>
      <c r="E50">
        <v>180</v>
      </c>
      <c r="F50">
        <v>0</v>
      </c>
      <c r="G50">
        <v>0</v>
      </c>
      <c r="H50">
        <v>700</v>
      </c>
      <c r="I50">
        <v>0</v>
      </c>
      <c r="J50">
        <v>350</v>
      </c>
      <c r="K50">
        <v>0</v>
      </c>
      <c r="L50">
        <v>0</v>
      </c>
      <c r="M50">
        <v>0</v>
      </c>
      <c r="N50">
        <v>0</v>
      </c>
      <c r="O50">
        <v>0</v>
      </c>
      <c r="P50">
        <v>0</v>
      </c>
      <c r="Q50">
        <v>0</v>
      </c>
      <c r="R50">
        <v>0</v>
      </c>
      <c r="S50">
        <v>0</v>
      </c>
      <c r="T50">
        <v>0</v>
      </c>
      <c r="U50">
        <v>0</v>
      </c>
      <c r="V50">
        <v>0</v>
      </c>
      <c r="W50">
        <v>0</v>
      </c>
      <c r="X50">
        <v>0</v>
      </c>
      <c r="Y50">
        <v>0</v>
      </c>
      <c r="Z50">
        <v>0</v>
      </c>
      <c r="AA50">
        <v>0</v>
      </c>
      <c r="AB50">
        <v>0</v>
      </c>
      <c r="AC50">
        <v>0</v>
      </c>
      <c r="AD50">
        <v>0</v>
      </c>
      <c r="AE50">
        <v>0</v>
      </c>
      <c r="AF50">
        <v>0</v>
      </c>
      <c r="AG50">
        <v>0</v>
      </c>
      <c r="AH50">
        <v>0</v>
      </c>
      <c r="AI50">
        <v>0</v>
      </c>
      <c r="AJ50">
        <v>0</v>
      </c>
      <c r="AK50">
        <v>0</v>
      </c>
    </row>
    <row r="51" spans="1:37" x14ac:dyDescent="0.4">
      <c r="A51">
        <v>112</v>
      </c>
      <c r="B51" t="s">
        <v>40</v>
      </c>
      <c r="C51">
        <v>0</v>
      </c>
      <c r="D51">
        <v>240</v>
      </c>
      <c r="E51">
        <v>240</v>
      </c>
      <c r="F51">
        <v>0</v>
      </c>
      <c r="G51">
        <v>0</v>
      </c>
      <c r="H51">
        <v>850</v>
      </c>
      <c r="I51">
        <v>0</v>
      </c>
      <c r="J51">
        <v>425</v>
      </c>
      <c r="K51">
        <v>0</v>
      </c>
      <c r="L51">
        <v>0</v>
      </c>
      <c r="M51">
        <v>0</v>
      </c>
      <c r="N51">
        <v>0</v>
      </c>
      <c r="O51">
        <v>0</v>
      </c>
      <c r="P51">
        <v>0</v>
      </c>
      <c r="Q51">
        <v>0</v>
      </c>
      <c r="R51">
        <v>0</v>
      </c>
      <c r="S51">
        <v>0</v>
      </c>
      <c r="T51">
        <v>0</v>
      </c>
      <c r="U51">
        <v>0</v>
      </c>
      <c r="V51">
        <v>0</v>
      </c>
      <c r="W51">
        <v>0</v>
      </c>
      <c r="X51">
        <v>0</v>
      </c>
      <c r="Y51">
        <v>0</v>
      </c>
      <c r="Z51">
        <v>0</v>
      </c>
      <c r="AA51">
        <v>0</v>
      </c>
      <c r="AB51">
        <v>0</v>
      </c>
      <c r="AC51">
        <v>0</v>
      </c>
      <c r="AD51">
        <v>0</v>
      </c>
      <c r="AE51">
        <v>0</v>
      </c>
      <c r="AF51">
        <v>0</v>
      </c>
      <c r="AG51">
        <v>0</v>
      </c>
      <c r="AH51">
        <v>0</v>
      </c>
      <c r="AI51">
        <v>0</v>
      </c>
      <c r="AJ51">
        <v>0</v>
      </c>
      <c r="AK51">
        <v>0</v>
      </c>
    </row>
    <row r="52" spans="1:37" x14ac:dyDescent="0.4">
      <c r="A52">
        <v>113</v>
      </c>
      <c r="B52" t="s">
        <v>41</v>
      </c>
      <c r="C52">
        <v>3</v>
      </c>
      <c r="D52">
        <v>0</v>
      </c>
      <c r="E52">
        <v>30</v>
      </c>
      <c r="F52">
        <v>0</v>
      </c>
      <c r="G52">
        <v>0</v>
      </c>
      <c r="H52">
        <v>2660</v>
      </c>
      <c r="I52">
        <v>0</v>
      </c>
      <c r="J52">
        <v>0</v>
      </c>
      <c r="K52">
        <v>0</v>
      </c>
      <c r="L52">
        <v>2350</v>
      </c>
      <c r="M52">
        <v>0</v>
      </c>
      <c r="N52">
        <v>1450</v>
      </c>
      <c r="O52">
        <v>0</v>
      </c>
      <c r="P52">
        <v>0</v>
      </c>
      <c r="Q52">
        <v>0</v>
      </c>
      <c r="R52">
        <v>0</v>
      </c>
      <c r="S52">
        <v>0</v>
      </c>
      <c r="T52">
        <v>0</v>
      </c>
      <c r="U52">
        <v>0</v>
      </c>
      <c r="V52">
        <v>0</v>
      </c>
      <c r="W52">
        <v>0</v>
      </c>
      <c r="X52">
        <v>0</v>
      </c>
      <c r="Y52">
        <v>0</v>
      </c>
      <c r="Z52">
        <v>0</v>
      </c>
      <c r="AA52">
        <v>0</v>
      </c>
      <c r="AB52">
        <v>0</v>
      </c>
      <c r="AC52">
        <v>0</v>
      </c>
      <c r="AD52">
        <v>0</v>
      </c>
      <c r="AE52">
        <v>0</v>
      </c>
      <c r="AF52">
        <v>0</v>
      </c>
      <c r="AG52">
        <v>0</v>
      </c>
      <c r="AH52">
        <v>0</v>
      </c>
      <c r="AI52">
        <v>0</v>
      </c>
      <c r="AJ52">
        <v>0</v>
      </c>
      <c r="AK52">
        <v>0</v>
      </c>
    </row>
    <row r="53" spans="1:37" x14ac:dyDescent="0.4">
      <c r="A53">
        <v>114</v>
      </c>
      <c r="B53" t="s">
        <v>41</v>
      </c>
      <c r="C53">
        <v>3</v>
      </c>
      <c r="D53">
        <v>0</v>
      </c>
      <c r="E53">
        <v>30</v>
      </c>
      <c r="F53">
        <v>0</v>
      </c>
      <c r="G53">
        <v>0</v>
      </c>
      <c r="H53">
        <v>2700</v>
      </c>
      <c r="I53">
        <v>0</v>
      </c>
      <c r="J53">
        <v>0</v>
      </c>
      <c r="K53">
        <v>0</v>
      </c>
      <c r="L53">
        <v>2450</v>
      </c>
      <c r="M53">
        <v>0</v>
      </c>
      <c r="N53">
        <v>1500</v>
      </c>
      <c r="O53">
        <v>0</v>
      </c>
      <c r="P53">
        <v>0</v>
      </c>
      <c r="Q53">
        <v>0</v>
      </c>
      <c r="R53">
        <v>0</v>
      </c>
      <c r="S53">
        <v>0</v>
      </c>
      <c r="T53">
        <v>0</v>
      </c>
      <c r="U53">
        <v>0</v>
      </c>
      <c r="V53">
        <v>0</v>
      </c>
      <c r="W53">
        <v>0</v>
      </c>
      <c r="X53">
        <v>0</v>
      </c>
      <c r="Y53">
        <v>0</v>
      </c>
      <c r="Z53">
        <v>0</v>
      </c>
      <c r="AA53">
        <v>0</v>
      </c>
      <c r="AB53">
        <v>0</v>
      </c>
      <c r="AC53">
        <v>0</v>
      </c>
      <c r="AD53">
        <v>0</v>
      </c>
      <c r="AE53">
        <v>0</v>
      </c>
      <c r="AF53">
        <v>0</v>
      </c>
      <c r="AG53">
        <v>0</v>
      </c>
      <c r="AH53">
        <v>0</v>
      </c>
      <c r="AI53">
        <v>0</v>
      </c>
      <c r="AJ53">
        <v>0</v>
      </c>
      <c r="AK53">
        <v>0</v>
      </c>
    </row>
    <row r="54" spans="1:37" x14ac:dyDescent="0.4">
      <c r="A54">
        <v>115</v>
      </c>
      <c r="B54" t="s">
        <v>42</v>
      </c>
      <c r="C54">
        <v>0</v>
      </c>
      <c r="D54">
        <v>60</v>
      </c>
      <c r="E54">
        <v>30</v>
      </c>
      <c r="F54">
        <v>0</v>
      </c>
      <c r="G54">
        <v>0</v>
      </c>
      <c r="H54">
        <v>660</v>
      </c>
      <c r="I54">
        <v>330</v>
      </c>
      <c r="J54">
        <v>165</v>
      </c>
      <c r="K54">
        <v>82</v>
      </c>
      <c r="L54">
        <v>0</v>
      </c>
      <c r="M54">
        <v>0</v>
      </c>
      <c r="N54">
        <v>0</v>
      </c>
      <c r="O54">
        <v>0</v>
      </c>
      <c r="P54">
        <v>330</v>
      </c>
      <c r="Q54">
        <v>165</v>
      </c>
      <c r="R54">
        <v>0</v>
      </c>
      <c r="S54">
        <v>0</v>
      </c>
      <c r="T54">
        <v>0</v>
      </c>
      <c r="U54">
        <v>0</v>
      </c>
      <c r="V54">
        <v>0</v>
      </c>
      <c r="W54">
        <v>0</v>
      </c>
      <c r="X54">
        <v>0</v>
      </c>
      <c r="Y54">
        <v>0</v>
      </c>
      <c r="Z54">
        <v>0</v>
      </c>
      <c r="AA54">
        <v>0</v>
      </c>
      <c r="AB54">
        <v>0</v>
      </c>
      <c r="AC54">
        <v>0</v>
      </c>
      <c r="AD54">
        <v>0</v>
      </c>
      <c r="AE54">
        <v>0</v>
      </c>
      <c r="AF54">
        <v>0</v>
      </c>
      <c r="AG54">
        <v>0</v>
      </c>
      <c r="AH54">
        <v>0</v>
      </c>
      <c r="AI54">
        <v>0</v>
      </c>
      <c r="AJ54">
        <v>0</v>
      </c>
      <c r="AK54">
        <v>0</v>
      </c>
    </row>
    <row r="55" spans="1:37" x14ac:dyDescent="0.4">
      <c r="A55">
        <v>116</v>
      </c>
      <c r="B55" t="s">
        <v>43</v>
      </c>
      <c r="C55">
        <v>0</v>
      </c>
      <c r="D55">
        <v>60</v>
      </c>
      <c r="E55">
        <v>30</v>
      </c>
      <c r="F55">
        <v>0</v>
      </c>
      <c r="G55">
        <v>0</v>
      </c>
      <c r="H55">
        <v>0</v>
      </c>
      <c r="I55">
        <v>0</v>
      </c>
      <c r="J55">
        <v>165</v>
      </c>
      <c r="K55">
        <v>82</v>
      </c>
      <c r="L55">
        <v>0</v>
      </c>
      <c r="M55">
        <v>0</v>
      </c>
      <c r="N55">
        <v>330</v>
      </c>
      <c r="O55">
        <v>165</v>
      </c>
      <c r="P55">
        <v>500</v>
      </c>
      <c r="Q55">
        <v>250</v>
      </c>
      <c r="R55">
        <v>0</v>
      </c>
      <c r="S55">
        <v>0</v>
      </c>
      <c r="T55">
        <v>0</v>
      </c>
      <c r="U55">
        <v>0</v>
      </c>
      <c r="V55">
        <v>0</v>
      </c>
      <c r="W55">
        <v>0</v>
      </c>
      <c r="X55">
        <v>0</v>
      </c>
      <c r="Y55">
        <v>0</v>
      </c>
      <c r="Z55">
        <v>0</v>
      </c>
      <c r="AA55">
        <v>0</v>
      </c>
      <c r="AB55">
        <v>0</v>
      </c>
      <c r="AC55">
        <v>0</v>
      </c>
      <c r="AD55">
        <v>0</v>
      </c>
      <c r="AE55">
        <v>0</v>
      </c>
      <c r="AF55">
        <v>0</v>
      </c>
      <c r="AG55">
        <v>0</v>
      </c>
      <c r="AH55">
        <v>0</v>
      </c>
      <c r="AI55">
        <v>0</v>
      </c>
      <c r="AJ55">
        <v>0</v>
      </c>
      <c r="AK55">
        <v>0</v>
      </c>
    </row>
    <row r="56" spans="1:37" x14ac:dyDescent="0.4">
      <c r="A56">
        <v>117</v>
      </c>
      <c r="B56" t="s">
        <v>44</v>
      </c>
      <c r="C56">
        <v>0</v>
      </c>
      <c r="D56">
        <v>60</v>
      </c>
      <c r="E56">
        <v>30</v>
      </c>
      <c r="F56">
        <v>0</v>
      </c>
      <c r="G56">
        <v>0</v>
      </c>
      <c r="H56">
        <v>0</v>
      </c>
      <c r="I56">
        <v>0</v>
      </c>
      <c r="J56">
        <v>180</v>
      </c>
      <c r="K56">
        <v>90</v>
      </c>
      <c r="L56">
        <v>0</v>
      </c>
      <c r="M56">
        <v>0</v>
      </c>
      <c r="N56">
        <v>0</v>
      </c>
      <c r="O56">
        <v>0</v>
      </c>
      <c r="P56">
        <v>360</v>
      </c>
      <c r="Q56">
        <v>180</v>
      </c>
      <c r="R56">
        <v>0</v>
      </c>
      <c r="S56">
        <v>0</v>
      </c>
      <c r="T56">
        <v>0</v>
      </c>
      <c r="U56">
        <v>0</v>
      </c>
      <c r="V56">
        <v>0</v>
      </c>
      <c r="W56">
        <v>0</v>
      </c>
      <c r="X56">
        <v>0</v>
      </c>
      <c r="Y56">
        <v>0</v>
      </c>
      <c r="Z56">
        <v>0</v>
      </c>
      <c r="AA56">
        <v>0</v>
      </c>
      <c r="AB56">
        <v>0</v>
      </c>
      <c r="AC56">
        <v>0</v>
      </c>
      <c r="AD56">
        <v>0</v>
      </c>
      <c r="AE56">
        <v>0</v>
      </c>
      <c r="AF56">
        <v>0</v>
      </c>
      <c r="AG56">
        <v>0</v>
      </c>
      <c r="AH56">
        <v>0</v>
      </c>
      <c r="AI56">
        <v>0</v>
      </c>
      <c r="AJ56">
        <v>0</v>
      </c>
      <c r="AK56">
        <v>0</v>
      </c>
    </row>
    <row r="57" spans="1:37" x14ac:dyDescent="0.4">
      <c r="A57">
        <v>118</v>
      </c>
      <c r="B57" t="s">
        <v>45</v>
      </c>
      <c r="C57">
        <v>0</v>
      </c>
      <c r="D57">
        <v>60</v>
      </c>
      <c r="E57">
        <v>30</v>
      </c>
      <c r="F57">
        <v>0</v>
      </c>
      <c r="G57">
        <v>0</v>
      </c>
      <c r="H57">
        <v>0</v>
      </c>
      <c r="I57">
        <v>0</v>
      </c>
      <c r="J57">
        <v>180</v>
      </c>
      <c r="K57">
        <v>90</v>
      </c>
      <c r="L57">
        <v>0</v>
      </c>
      <c r="M57">
        <v>0</v>
      </c>
      <c r="N57">
        <v>360</v>
      </c>
      <c r="O57">
        <v>180</v>
      </c>
      <c r="P57">
        <v>500</v>
      </c>
      <c r="Q57">
        <v>250</v>
      </c>
      <c r="R57">
        <v>0</v>
      </c>
      <c r="S57">
        <v>0</v>
      </c>
      <c r="T57">
        <v>0</v>
      </c>
      <c r="U57">
        <v>0</v>
      </c>
      <c r="V57">
        <v>0</v>
      </c>
      <c r="W57">
        <v>0</v>
      </c>
      <c r="X57">
        <v>0</v>
      </c>
      <c r="Y57">
        <v>0</v>
      </c>
      <c r="Z57">
        <v>0</v>
      </c>
      <c r="AA57">
        <v>0</v>
      </c>
      <c r="AB57">
        <v>0</v>
      </c>
      <c r="AC57">
        <v>0</v>
      </c>
      <c r="AD57">
        <v>0</v>
      </c>
      <c r="AE57">
        <v>0</v>
      </c>
      <c r="AF57">
        <v>0</v>
      </c>
      <c r="AG57">
        <v>0</v>
      </c>
      <c r="AH57">
        <v>0</v>
      </c>
      <c r="AI57">
        <v>0</v>
      </c>
      <c r="AJ57">
        <v>0</v>
      </c>
      <c r="AK57">
        <v>0</v>
      </c>
    </row>
    <row r="58" spans="1:37" x14ac:dyDescent="0.4">
      <c r="A58">
        <v>119</v>
      </c>
      <c r="B58" t="s">
        <v>46</v>
      </c>
      <c r="C58">
        <v>3</v>
      </c>
      <c r="D58">
        <v>0</v>
      </c>
      <c r="E58">
        <v>0</v>
      </c>
      <c r="F58">
        <v>0</v>
      </c>
      <c r="G58">
        <v>0</v>
      </c>
      <c r="H58">
        <v>0</v>
      </c>
      <c r="I58">
        <v>0</v>
      </c>
      <c r="J58">
        <v>0</v>
      </c>
      <c r="K58">
        <v>0</v>
      </c>
      <c r="L58">
        <v>0</v>
      </c>
      <c r="M58">
        <v>0</v>
      </c>
      <c r="N58">
        <v>0</v>
      </c>
      <c r="O58">
        <v>0</v>
      </c>
      <c r="P58">
        <v>825</v>
      </c>
      <c r="Q58">
        <v>0</v>
      </c>
      <c r="R58">
        <v>0</v>
      </c>
      <c r="S58">
        <v>0</v>
      </c>
      <c r="T58">
        <v>0</v>
      </c>
      <c r="U58">
        <v>0</v>
      </c>
      <c r="V58">
        <v>0</v>
      </c>
      <c r="W58">
        <v>0</v>
      </c>
      <c r="X58">
        <v>0</v>
      </c>
      <c r="Y58">
        <v>0</v>
      </c>
      <c r="Z58">
        <v>0</v>
      </c>
      <c r="AA58">
        <v>0</v>
      </c>
      <c r="AB58">
        <v>0</v>
      </c>
      <c r="AC58">
        <v>0</v>
      </c>
      <c r="AD58">
        <v>0</v>
      </c>
      <c r="AE58">
        <v>0</v>
      </c>
      <c r="AF58">
        <v>0</v>
      </c>
      <c r="AG58">
        <v>0</v>
      </c>
      <c r="AH58">
        <v>0</v>
      </c>
      <c r="AI58">
        <v>0</v>
      </c>
      <c r="AJ58">
        <v>0</v>
      </c>
      <c r="AK58">
        <v>0</v>
      </c>
    </row>
    <row r="59" spans="1:37" x14ac:dyDescent="0.4">
      <c r="A59">
        <v>120</v>
      </c>
      <c r="B59" t="s">
        <v>47</v>
      </c>
      <c r="C59">
        <v>3</v>
      </c>
      <c r="D59">
        <v>0</v>
      </c>
      <c r="E59">
        <v>0</v>
      </c>
      <c r="F59">
        <v>0</v>
      </c>
      <c r="G59">
        <v>0</v>
      </c>
      <c r="H59">
        <v>0</v>
      </c>
      <c r="I59">
        <v>0</v>
      </c>
      <c r="J59">
        <v>0</v>
      </c>
      <c r="K59">
        <v>0</v>
      </c>
      <c r="L59">
        <v>0</v>
      </c>
      <c r="M59">
        <v>0</v>
      </c>
      <c r="N59">
        <v>825</v>
      </c>
      <c r="O59">
        <v>0</v>
      </c>
      <c r="P59">
        <v>950</v>
      </c>
      <c r="Q59">
        <v>0</v>
      </c>
      <c r="R59">
        <v>0</v>
      </c>
      <c r="S59">
        <v>0</v>
      </c>
      <c r="T59">
        <v>0</v>
      </c>
      <c r="U59">
        <v>0</v>
      </c>
      <c r="V59">
        <v>0</v>
      </c>
      <c r="W59">
        <v>0</v>
      </c>
      <c r="X59">
        <v>0</v>
      </c>
      <c r="Y59">
        <v>0</v>
      </c>
      <c r="Z59">
        <v>0</v>
      </c>
      <c r="AA59">
        <v>0</v>
      </c>
      <c r="AB59">
        <v>0</v>
      </c>
      <c r="AC59">
        <v>0</v>
      </c>
      <c r="AD59">
        <v>0</v>
      </c>
      <c r="AE59">
        <v>0</v>
      </c>
      <c r="AF59">
        <v>0</v>
      </c>
      <c r="AG59">
        <v>0</v>
      </c>
      <c r="AH59">
        <v>0</v>
      </c>
      <c r="AI59">
        <v>0</v>
      </c>
      <c r="AJ59">
        <v>0</v>
      </c>
      <c r="AK59">
        <v>0</v>
      </c>
    </row>
    <row r="60" spans="1:37" x14ac:dyDescent="0.4">
      <c r="A60">
        <v>121</v>
      </c>
      <c r="B60" t="s">
        <v>48</v>
      </c>
      <c r="C60">
        <v>3</v>
      </c>
      <c r="D60">
        <v>0</v>
      </c>
      <c r="E60">
        <v>0</v>
      </c>
      <c r="F60">
        <v>0</v>
      </c>
      <c r="G60">
        <v>0</v>
      </c>
      <c r="H60">
        <v>0</v>
      </c>
      <c r="I60">
        <v>0</v>
      </c>
      <c r="J60">
        <v>0</v>
      </c>
      <c r="K60">
        <v>0</v>
      </c>
      <c r="L60">
        <v>0</v>
      </c>
      <c r="M60">
        <v>0</v>
      </c>
      <c r="N60">
        <v>0</v>
      </c>
      <c r="O60">
        <v>0</v>
      </c>
      <c r="P60">
        <v>850</v>
      </c>
      <c r="Q60">
        <v>0</v>
      </c>
      <c r="R60">
        <v>0</v>
      </c>
      <c r="S60">
        <v>0</v>
      </c>
      <c r="T60">
        <v>0</v>
      </c>
      <c r="U60">
        <v>0</v>
      </c>
      <c r="V60">
        <v>0</v>
      </c>
      <c r="W60">
        <v>0</v>
      </c>
      <c r="X60">
        <v>0</v>
      </c>
      <c r="Y60">
        <v>0</v>
      </c>
      <c r="Z60">
        <v>0</v>
      </c>
      <c r="AA60">
        <v>0</v>
      </c>
      <c r="AB60">
        <v>0</v>
      </c>
      <c r="AC60">
        <v>0</v>
      </c>
      <c r="AD60">
        <v>0</v>
      </c>
      <c r="AE60">
        <v>0</v>
      </c>
      <c r="AF60">
        <v>0</v>
      </c>
      <c r="AG60">
        <v>0</v>
      </c>
      <c r="AH60">
        <v>0</v>
      </c>
      <c r="AI60">
        <v>0</v>
      </c>
      <c r="AJ60">
        <v>0</v>
      </c>
      <c r="AK60">
        <v>0</v>
      </c>
    </row>
    <row r="61" spans="1:37" x14ac:dyDescent="0.4">
      <c r="A61">
        <v>122</v>
      </c>
      <c r="B61" t="s">
        <v>49</v>
      </c>
      <c r="C61">
        <v>3</v>
      </c>
      <c r="D61">
        <v>0</v>
      </c>
      <c r="E61">
        <v>0</v>
      </c>
      <c r="F61">
        <v>0</v>
      </c>
      <c r="G61">
        <v>0</v>
      </c>
      <c r="H61">
        <v>0</v>
      </c>
      <c r="I61">
        <v>0</v>
      </c>
      <c r="J61">
        <v>0</v>
      </c>
      <c r="K61">
        <v>0</v>
      </c>
      <c r="L61">
        <v>0</v>
      </c>
      <c r="M61">
        <v>0</v>
      </c>
      <c r="N61">
        <v>850</v>
      </c>
      <c r="O61">
        <v>0</v>
      </c>
      <c r="P61">
        <v>1000</v>
      </c>
      <c r="Q61">
        <v>0</v>
      </c>
      <c r="R61">
        <v>0</v>
      </c>
      <c r="S61">
        <v>0</v>
      </c>
      <c r="T61">
        <v>0</v>
      </c>
      <c r="U61">
        <v>0</v>
      </c>
      <c r="V61">
        <v>0</v>
      </c>
      <c r="W61">
        <v>0</v>
      </c>
      <c r="X61">
        <v>0</v>
      </c>
      <c r="Y61">
        <v>0</v>
      </c>
      <c r="Z61">
        <v>0</v>
      </c>
      <c r="AA61">
        <v>0</v>
      </c>
      <c r="AB61">
        <v>0</v>
      </c>
      <c r="AC61">
        <v>0</v>
      </c>
      <c r="AD61">
        <v>0</v>
      </c>
      <c r="AE61">
        <v>0</v>
      </c>
      <c r="AF61">
        <v>0</v>
      </c>
      <c r="AG61">
        <v>0</v>
      </c>
      <c r="AH61">
        <v>0</v>
      </c>
      <c r="AI61">
        <v>0</v>
      </c>
      <c r="AJ61">
        <v>0</v>
      </c>
      <c r="AK61">
        <v>0</v>
      </c>
    </row>
    <row r="62" spans="1:37" x14ac:dyDescent="0.4">
      <c r="A62">
        <v>125</v>
      </c>
      <c r="B62" t="s">
        <v>50</v>
      </c>
      <c r="C62">
        <v>3</v>
      </c>
      <c r="D62">
        <v>0</v>
      </c>
      <c r="E62">
        <v>0</v>
      </c>
      <c r="F62">
        <v>0</v>
      </c>
      <c r="G62">
        <v>0</v>
      </c>
      <c r="H62">
        <v>1800</v>
      </c>
      <c r="I62">
        <v>0</v>
      </c>
      <c r="J62">
        <v>0</v>
      </c>
      <c r="K62">
        <v>0</v>
      </c>
      <c r="L62">
        <v>1650</v>
      </c>
      <c r="M62">
        <v>0</v>
      </c>
      <c r="N62">
        <v>0</v>
      </c>
      <c r="O62">
        <v>0</v>
      </c>
      <c r="P62">
        <v>0</v>
      </c>
      <c r="Q62">
        <v>0</v>
      </c>
      <c r="R62">
        <v>0</v>
      </c>
      <c r="S62">
        <v>0</v>
      </c>
      <c r="T62">
        <v>0</v>
      </c>
      <c r="U62">
        <v>0</v>
      </c>
      <c r="V62">
        <v>0</v>
      </c>
      <c r="W62">
        <v>0</v>
      </c>
      <c r="X62">
        <v>0</v>
      </c>
      <c r="Y62">
        <v>0</v>
      </c>
      <c r="Z62">
        <v>0</v>
      </c>
      <c r="AA62">
        <v>0</v>
      </c>
      <c r="AB62">
        <v>0</v>
      </c>
      <c r="AC62">
        <v>0</v>
      </c>
      <c r="AD62">
        <v>0</v>
      </c>
      <c r="AE62">
        <v>0</v>
      </c>
      <c r="AF62">
        <v>0</v>
      </c>
      <c r="AG62">
        <v>0</v>
      </c>
      <c r="AH62">
        <v>0</v>
      </c>
      <c r="AI62">
        <v>0</v>
      </c>
      <c r="AJ62">
        <v>0</v>
      </c>
      <c r="AK62">
        <v>0</v>
      </c>
    </row>
    <row r="63" spans="1:37" x14ac:dyDescent="0.4">
      <c r="A63">
        <v>126</v>
      </c>
      <c r="B63" t="s">
        <v>51</v>
      </c>
      <c r="C63">
        <v>3</v>
      </c>
      <c r="D63">
        <v>0</v>
      </c>
      <c r="E63">
        <v>30</v>
      </c>
      <c r="F63">
        <v>0</v>
      </c>
      <c r="G63">
        <v>0</v>
      </c>
      <c r="H63">
        <v>2100</v>
      </c>
      <c r="I63">
        <v>0</v>
      </c>
      <c r="J63">
        <v>0</v>
      </c>
      <c r="K63">
        <v>0</v>
      </c>
      <c r="L63">
        <v>0</v>
      </c>
      <c r="M63">
        <v>0</v>
      </c>
      <c r="N63">
        <v>1680</v>
      </c>
      <c r="O63">
        <v>0</v>
      </c>
      <c r="P63">
        <v>0</v>
      </c>
      <c r="Q63">
        <v>0</v>
      </c>
      <c r="R63">
        <v>0</v>
      </c>
      <c r="S63">
        <v>0</v>
      </c>
      <c r="T63">
        <v>0</v>
      </c>
      <c r="U63">
        <v>0</v>
      </c>
      <c r="V63">
        <v>0</v>
      </c>
      <c r="W63">
        <v>0</v>
      </c>
      <c r="X63">
        <v>0</v>
      </c>
      <c r="Y63">
        <v>0</v>
      </c>
      <c r="Z63">
        <v>0</v>
      </c>
      <c r="AA63">
        <v>0</v>
      </c>
      <c r="AB63">
        <v>0</v>
      </c>
      <c r="AC63">
        <v>0</v>
      </c>
      <c r="AD63">
        <v>0</v>
      </c>
      <c r="AE63">
        <v>0</v>
      </c>
      <c r="AF63">
        <v>0</v>
      </c>
      <c r="AG63">
        <v>0</v>
      </c>
      <c r="AH63">
        <v>0</v>
      </c>
      <c r="AI63">
        <v>0</v>
      </c>
      <c r="AJ63">
        <v>0</v>
      </c>
      <c r="AK63">
        <v>0</v>
      </c>
    </row>
    <row r="64" spans="1:37" x14ac:dyDescent="0.4">
      <c r="A64">
        <v>127</v>
      </c>
      <c r="B64" t="s">
        <v>52</v>
      </c>
      <c r="C64">
        <v>0</v>
      </c>
      <c r="D64">
        <v>120</v>
      </c>
      <c r="E64">
        <v>120</v>
      </c>
      <c r="F64">
        <v>0</v>
      </c>
      <c r="G64">
        <v>0</v>
      </c>
      <c r="H64">
        <v>580</v>
      </c>
      <c r="I64">
        <v>0</v>
      </c>
      <c r="J64">
        <v>290</v>
      </c>
      <c r="K64">
        <v>0</v>
      </c>
      <c r="L64">
        <v>0</v>
      </c>
      <c r="M64">
        <v>0</v>
      </c>
      <c r="N64">
        <v>0</v>
      </c>
      <c r="O64">
        <v>0</v>
      </c>
      <c r="P64">
        <v>0</v>
      </c>
      <c r="Q64">
        <v>0</v>
      </c>
      <c r="R64">
        <v>0</v>
      </c>
      <c r="S64">
        <v>0</v>
      </c>
      <c r="T64">
        <v>0</v>
      </c>
      <c r="U64">
        <v>0</v>
      </c>
      <c r="V64">
        <v>0</v>
      </c>
      <c r="W64">
        <v>0</v>
      </c>
      <c r="X64">
        <v>0</v>
      </c>
      <c r="Y64">
        <v>0</v>
      </c>
      <c r="Z64">
        <v>0</v>
      </c>
      <c r="AA64">
        <v>0</v>
      </c>
      <c r="AB64">
        <v>0</v>
      </c>
      <c r="AC64">
        <v>0</v>
      </c>
      <c r="AD64">
        <v>0</v>
      </c>
      <c r="AE64">
        <v>0</v>
      </c>
      <c r="AF64">
        <v>0</v>
      </c>
      <c r="AG64">
        <v>0</v>
      </c>
      <c r="AH64">
        <v>0</v>
      </c>
      <c r="AI64">
        <v>0</v>
      </c>
      <c r="AJ64">
        <v>0</v>
      </c>
      <c r="AK64">
        <v>0</v>
      </c>
    </row>
    <row r="65" spans="1:37" x14ac:dyDescent="0.4">
      <c r="A65">
        <v>128</v>
      </c>
      <c r="B65" t="s">
        <v>53</v>
      </c>
      <c r="C65">
        <v>0</v>
      </c>
      <c r="D65">
        <v>180</v>
      </c>
      <c r="E65">
        <v>180</v>
      </c>
      <c r="F65">
        <v>0</v>
      </c>
      <c r="G65">
        <v>0</v>
      </c>
      <c r="H65">
        <v>650</v>
      </c>
      <c r="I65">
        <v>0</v>
      </c>
      <c r="J65">
        <v>325</v>
      </c>
      <c r="K65">
        <v>0</v>
      </c>
      <c r="L65">
        <v>0</v>
      </c>
      <c r="M65">
        <v>0</v>
      </c>
      <c r="N65">
        <v>0</v>
      </c>
      <c r="O65">
        <v>0</v>
      </c>
      <c r="P65">
        <v>0</v>
      </c>
      <c r="Q65">
        <v>0</v>
      </c>
      <c r="R65">
        <v>0</v>
      </c>
      <c r="S65">
        <v>0</v>
      </c>
      <c r="T65">
        <v>0</v>
      </c>
      <c r="U65">
        <v>0</v>
      </c>
      <c r="V65">
        <v>0</v>
      </c>
      <c r="W65">
        <v>0</v>
      </c>
      <c r="X65">
        <v>0</v>
      </c>
      <c r="Y65">
        <v>0</v>
      </c>
      <c r="Z65">
        <v>0</v>
      </c>
      <c r="AA65">
        <v>0</v>
      </c>
      <c r="AB65">
        <v>0</v>
      </c>
      <c r="AC65">
        <v>0</v>
      </c>
      <c r="AD65">
        <v>0</v>
      </c>
      <c r="AE65">
        <v>0</v>
      </c>
      <c r="AF65">
        <v>0</v>
      </c>
      <c r="AG65">
        <v>0</v>
      </c>
      <c r="AH65">
        <v>0</v>
      </c>
      <c r="AI65">
        <v>0</v>
      </c>
      <c r="AJ65">
        <v>0</v>
      </c>
      <c r="AK65">
        <v>0</v>
      </c>
    </row>
    <row r="66" spans="1:37" x14ac:dyDescent="0.4">
      <c r="A66">
        <v>129</v>
      </c>
      <c r="B66" t="s">
        <v>54</v>
      </c>
      <c r="C66">
        <v>0</v>
      </c>
      <c r="D66">
        <v>240</v>
      </c>
      <c r="E66">
        <v>240</v>
      </c>
      <c r="F66">
        <v>0</v>
      </c>
      <c r="G66">
        <v>0</v>
      </c>
      <c r="H66">
        <v>800</v>
      </c>
      <c r="I66">
        <v>0</v>
      </c>
      <c r="J66">
        <v>400</v>
      </c>
      <c r="K66">
        <v>0</v>
      </c>
      <c r="L66">
        <v>0</v>
      </c>
      <c r="M66">
        <v>0</v>
      </c>
      <c r="N66">
        <v>0</v>
      </c>
      <c r="O66">
        <v>0</v>
      </c>
      <c r="P66">
        <v>0</v>
      </c>
      <c r="Q66">
        <v>0</v>
      </c>
      <c r="R66">
        <v>0</v>
      </c>
      <c r="S66">
        <v>0</v>
      </c>
      <c r="T66">
        <v>0</v>
      </c>
      <c r="U66">
        <v>0</v>
      </c>
      <c r="V66">
        <v>0</v>
      </c>
      <c r="W66">
        <v>0</v>
      </c>
      <c r="X66">
        <v>0</v>
      </c>
      <c r="Y66">
        <v>0</v>
      </c>
      <c r="Z66">
        <v>0</v>
      </c>
      <c r="AA66">
        <v>0</v>
      </c>
      <c r="AB66">
        <v>0</v>
      </c>
      <c r="AC66">
        <v>0</v>
      </c>
      <c r="AD66">
        <v>0</v>
      </c>
      <c r="AE66">
        <v>0</v>
      </c>
      <c r="AF66">
        <v>0</v>
      </c>
      <c r="AG66">
        <v>0</v>
      </c>
      <c r="AH66">
        <v>0</v>
      </c>
      <c r="AI66">
        <v>0</v>
      </c>
      <c r="AJ66">
        <v>0</v>
      </c>
      <c r="AK66">
        <v>0</v>
      </c>
    </row>
    <row r="67" spans="1:37" x14ac:dyDescent="0.4">
      <c r="A67">
        <v>130</v>
      </c>
      <c r="B67" t="s">
        <v>55</v>
      </c>
      <c r="C67">
        <v>0</v>
      </c>
      <c r="D67">
        <v>300</v>
      </c>
      <c r="E67">
        <v>300</v>
      </c>
      <c r="F67">
        <v>0</v>
      </c>
      <c r="G67">
        <v>0</v>
      </c>
      <c r="H67">
        <v>900</v>
      </c>
      <c r="I67">
        <v>0</v>
      </c>
      <c r="J67">
        <v>450</v>
      </c>
      <c r="K67">
        <v>0</v>
      </c>
      <c r="L67">
        <v>0</v>
      </c>
      <c r="M67">
        <v>0</v>
      </c>
      <c r="N67">
        <v>0</v>
      </c>
      <c r="O67">
        <v>0</v>
      </c>
      <c r="P67">
        <v>0</v>
      </c>
      <c r="Q67">
        <v>0</v>
      </c>
      <c r="R67">
        <v>0</v>
      </c>
      <c r="S67">
        <v>0</v>
      </c>
      <c r="T67">
        <v>0</v>
      </c>
      <c r="U67">
        <v>0</v>
      </c>
      <c r="V67">
        <v>0</v>
      </c>
      <c r="W67">
        <v>0</v>
      </c>
      <c r="X67">
        <v>0</v>
      </c>
      <c r="Y67">
        <v>0</v>
      </c>
      <c r="Z67">
        <v>0</v>
      </c>
      <c r="AA67">
        <v>0</v>
      </c>
      <c r="AB67">
        <v>0</v>
      </c>
      <c r="AC67">
        <v>0</v>
      </c>
      <c r="AD67">
        <v>0</v>
      </c>
      <c r="AE67">
        <v>0</v>
      </c>
      <c r="AF67">
        <v>0</v>
      </c>
      <c r="AG67">
        <v>0</v>
      </c>
      <c r="AH67">
        <v>0</v>
      </c>
      <c r="AI67">
        <v>0</v>
      </c>
      <c r="AJ67">
        <v>0</v>
      </c>
      <c r="AK67">
        <v>0</v>
      </c>
    </row>
    <row r="68" spans="1:37" x14ac:dyDescent="0.4">
      <c r="A68">
        <v>131</v>
      </c>
      <c r="B68" t="s">
        <v>56</v>
      </c>
      <c r="C68">
        <v>3</v>
      </c>
      <c r="D68">
        <v>0</v>
      </c>
      <c r="E68">
        <v>30</v>
      </c>
      <c r="F68">
        <v>0</v>
      </c>
      <c r="G68">
        <v>0</v>
      </c>
      <c r="H68">
        <v>0</v>
      </c>
      <c r="I68">
        <v>0</v>
      </c>
      <c r="J68">
        <v>0</v>
      </c>
      <c r="K68">
        <v>0</v>
      </c>
      <c r="L68">
        <v>0</v>
      </c>
      <c r="M68">
        <v>0</v>
      </c>
      <c r="N68">
        <v>0</v>
      </c>
      <c r="O68">
        <v>0</v>
      </c>
      <c r="P68">
        <v>0</v>
      </c>
      <c r="Q68">
        <v>0</v>
      </c>
      <c r="R68">
        <v>0</v>
      </c>
      <c r="S68">
        <v>0</v>
      </c>
      <c r="T68">
        <v>0</v>
      </c>
      <c r="U68">
        <v>0</v>
      </c>
      <c r="V68">
        <v>0</v>
      </c>
      <c r="W68">
        <v>0</v>
      </c>
      <c r="X68">
        <v>0</v>
      </c>
      <c r="Y68">
        <v>0</v>
      </c>
      <c r="Z68">
        <v>0</v>
      </c>
      <c r="AA68">
        <v>0</v>
      </c>
      <c r="AB68">
        <v>0</v>
      </c>
      <c r="AC68">
        <v>0</v>
      </c>
      <c r="AD68">
        <v>0</v>
      </c>
      <c r="AE68">
        <v>0</v>
      </c>
      <c r="AF68">
        <v>0</v>
      </c>
      <c r="AG68">
        <v>0</v>
      </c>
      <c r="AH68">
        <v>0</v>
      </c>
      <c r="AI68">
        <v>0</v>
      </c>
      <c r="AJ68">
        <v>0</v>
      </c>
      <c r="AK68">
        <v>0</v>
      </c>
    </row>
    <row r="69" spans="1:37" x14ac:dyDescent="0.4">
      <c r="A69">
        <v>132</v>
      </c>
      <c r="B69" t="s">
        <v>56</v>
      </c>
      <c r="C69">
        <v>3</v>
      </c>
      <c r="D69">
        <v>0</v>
      </c>
      <c r="E69">
        <v>30</v>
      </c>
      <c r="F69">
        <v>0</v>
      </c>
      <c r="G69">
        <v>0</v>
      </c>
      <c r="H69">
        <v>0</v>
      </c>
      <c r="I69">
        <v>0</v>
      </c>
      <c r="J69">
        <v>0</v>
      </c>
      <c r="K69">
        <v>0</v>
      </c>
      <c r="L69">
        <v>0</v>
      </c>
      <c r="M69">
        <v>0</v>
      </c>
      <c r="N69">
        <v>0</v>
      </c>
      <c r="O69">
        <v>0</v>
      </c>
      <c r="P69">
        <v>0</v>
      </c>
      <c r="Q69">
        <v>0</v>
      </c>
      <c r="R69">
        <v>0</v>
      </c>
      <c r="S69">
        <v>0</v>
      </c>
      <c r="T69">
        <v>0</v>
      </c>
      <c r="U69">
        <v>0</v>
      </c>
      <c r="V69">
        <v>0</v>
      </c>
      <c r="W69">
        <v>0</v>
      </c>
      <c r="X69">
        <v>0</v>
      </c>
      <c r="Y69">
        <v>0</v>
      </c>
      <c r="Z69">
        <v>0</v>
      </c>
      <c r="AA69">
        <v>0</v>
      </c>
      <c r="AB69">
        <v>0</v>
      </c>
      <c r="AC69">
        <v>0</v>
      </c>
      <c r="AD69">
        <v>0</v>
      </c>
      <c r="AE69">
        <v>0</v>
      </c>
      <c r="AF69">
        <v>0</v>
      </c>
      <c r="AG69">
        <v>0</v>
      </c>
      <c r="AH69">
        <v>0</v>
      </c>
      <c r="AI69">
        <v>0</v>
      </c>
      <c r="AJ69">
        <v>0</v>
      </c>
      <c r="AK69">
        <v>0</v>
      </c>
    </row>
    <row r="70" spans="1:37" x14ac:dyDescent="0.4">
      <c r="A70">
        <v>133</v>
      </c>
      <c r="B70" t="s">
        <v>56</v>
      </c>
      <c r="C70">
        <v>3</v>
      </c>
      <c r="D70">
        <v>0</v>
      </c>
      <c r="E70">
        <v>30</v>
      </c>
      <c r="F70">
        <v>0</v>
      </c>
      <c r="G70">
        <v>0</v>
      </c>
      <c r="H70">
        <v>0</v>
      </c>
      <c r="I70">
        <v>0</v>
      </c>
      <c r="J70">
        <v>0</v>
      </c>
      <c r="K70">
        <v>0</v>
      </c>
      <c r="L70">
        <v>0</v>
      </c>
      <c r="M70">
        <v>0</v>
      </c>
      <c r="N70">
        <v>0</v>
      </c>
      <c r="O70">
        <v>0</v>
      </c>
      <c r="P70">
        <v>0</v>
      </c>
      <c r="Q70">
        <v>0</v>
      </c>
      <c r="R70">
        <v>0</v>
      </c>
      <c r="S70">
        <v>0</v>
      </c>
      <c r="T70">
        <v>0</v>
      </c>
      <c r="U70">
        <v>0</v>
      </c>
      <c r="V70">
        <v>0</v>
      </c>
      <c r="W70">
        <v>0</v>
      </c>
      <c r="X70">
        <v>0</v>
      </c>
      <c r="Y70">
        <v>0</v>
      </c>
      <c r="Z70">
        <v>0</v>
      </c>
      <c r="AA70">
        <v>0</v>
      </c>
      <c r="AB70">
        <v>0</v>
      </c>
      <c r="AC70">
        <v>0</v>
      </c>
      <c r="AD70">
        <v>0</v>
      </c>
      <c r="AE70">
        <v>0</v>
      </c>
      <c r="AF70">
        <v>0</v>
      </c>
      <c r="AG70">
        <v>0</v>
      </c>
      <c r="AH70">
        <v>0</v>
      </c>
      <c r="AI70">
        <v>0</v>
      </c>
      <c r="AJ70">
        <v>0</v>
      </c>
      <c r="AK70">
        <v>0</v>
      </c>
    </row>
    <row r="71" spans="1:37" x14ac:dyDescent="0.4">
      <c r="A71">
        <v>134</v>
      </c>
      <c r="B71" t="s">
        <v>56</v>
      </c>
      <c r="C71">
        <v>3</v>
      </c>
      <c r="D71">
        <v>0</v>
      </c>
      <c r="E71">
        <v>30</v>
      </c>
      <c r="F71">
        <v>0</v>
      </c>
      <c r="G71">
        <v>0</v>
      </c>
      <c r="H71">
        <v>0</v>
      </c>
      <c r="I71">
        <v>0</v>
      </c>
      <c r="J71">
        <v>0</v>
      </c>
      <c r="K71">
        <v>0</v>
      </c>
      <c r="L71">
        <v>0</v>
      </c>
      <c r="M71">
        <v>0</v>
      </c>
      <c r="N71">
        <v>0</v>
      </c>
      <c r="O71">
        <v>0</v>
      </c>
      <c r="P71">
        <v>0</v>
      </c>
      <c r="Q71">
        <v>0</v>
      </c>
      <c r="R71">
        <v>0</v>
      </c>
      <c r="S71">
        <v>0</v>
      </c>
      <c r="T71">
        <v>0</v>
      </c>
      <c r="U71">
        <v>0</v>
      </c>
      <c r="V71">
        <v>0</v>
      </c>
      <c r="W71">
        <v>0</v>
      </c>
      <c r="X71">
        <v>0</v>
      </c>
      <c r="Y71">
        <v>0</v>
      </c>
      <c r="Z71">
        <v>0</v>
      </c>
      <c r="AA71">
        <v>0</v>
      </c>
      <c r="AB71">
        <v>0</v>
      </c>
      <c r="AC71">
        <v>0</v>
      </c>
      <c r="AD71">
        <v>0</v>
      </c>
      <c r="AE71">
        <v>0</v>
      </c>
      <c r="AF71">
        <v>0</v>
      </c>
      <c r="AG71">
        <v>0</v>
      </c>
      <c r="AH71">
        <v>0</v>
      </c>
      <c r="AI71">
        <v>0</v>
      </c>
      <c r="AJ71">
        <v>0</v>
      </c>
      <c r="AK71">
        <v>0</v>
      </c>
    </row>
    <row r="72" spans="1:37" x14ac:dyDescent="0.4">
      <c r="A72">
        <v>135</v>
      </c>
      <c r="B72" t="s">
        <v>56</v>
      </c>
      <c r="C72">
        <v>0</v>
      </c>
      <c r="D72">
        <v>60</v>
      </c>
      <c r="E72">
        <v>30</v>
      </c>
      <c r="F72">
        <v>0</v>
      </c>
      <c r="G72">
        <v>0</v>
      </c>
      <c r="H72">
        <v>0</v>
      </c>
      <c r="I72">
        <v>0</v>
      </c>
      <c r="J72">
        <v>0</v>
      </c>
      <c r="K72">
        <v>0</v>
      </c>
      <c r="L72">
        <v>0</v>
      </c>
      <c r="M72">
        <v>0</v>
      </c>
      <c r="N72">
        <v>0</v>
      </c>
      <c r="O72">
        <v>0</v>
      </c>
      <c r="P72">
        <v>0</v>
      </c>
      <c r="Q72">
        <v>0</v>
      </c>
      <c r="R72">
        <v>0</v>
      </c>
      <c r="S72">
        <v>0</v>
      </c>
      <c r="T72">
        <v>0</v>
      </c>
      <c r="U72">
        <v>0</v>
      </c>
      <c r="V72">
        <v>0</v>
      </c>
      <c r="W72">
        <v>0</v>
      </c>
      <c r="X72">
        <v>0</v>
      </c>
      <c r="Y72">
        <v>0</v>
      </c>
      <c r="Z72">
        <v>0</v>
      </c>
      <c r="AA72">
        <v>0</v>
      </c>
      <c r="AB72">
        <v>0</v>
      </c>
      <c r="AC72">
        <v>0</v>
      </c>
      <c r="AD72">
        <v>0</v>
      </c>
      <c r="AE72">
        <v>0</v>
      </c>
      <c r="AF72">
        <v>0</v>
      </c>
      <c r="AG72">
        <v>0</v>
      </c>
      <c r="AH72">
        <v>0</v>
      </c>
      <c r="AI72">
        <v>0</v>
      </c>
      <c r="AJ72">
        <v>0</v>
      </c>
      <c r="AK72">
        <v>0</v>
      </c>
    </row>
    <row r="73" spans="1:37" x14ac:dyDescent="0.4">
      <c r="A73">
        <v>136</v>
      </c>
      <c r="B73" t="s">
        <v>56</v>
      </c>
      <c r="C73">
        <v>0</v>
      </c>
      <c r="D73">
        <v>60</v>
      </c>
      <c r="E73">
        <v>30</v>
      </c>
      <c r="F73">
        <v>0</v>
      </c>
      <c r="G73">
        <v>0</v>
      </c>
      <c r="H73">
        <v>0</v>
      </c>
      <c r="I73">
        <v>0</v>
      </c>
      <c r="J73">
        <v>0</v>
      </c>
      <c r="K73">
        <v>0</v>
      </c>
      <c r="L73">
        <v>0</v>
      </c>
      <c r="M73">
        <v>0</v>
      </c>
      <c r="N73">
        <v>0</v>
      </c>
      <c r="O73">
        <v>0</v>
      </c>
      <c r="P73">
        <v>0</v>
      </c>
      <c r="Q73">
        <v>0</v>
      </c>
      <c r="R73">
        <v>0</v>
      </c>
      <c r="S73">
        <v>0</v>
      </c>
      <c r="T73">
        <v>0</v>
      </c>
      <c r="U73">
        <v>0</v>
      </c>
      <c r="V73">
        <v>0</v>
      </c>
      <c r="W73">
        <v>0</v>
      </c>
      <c r="X73">
        <v>0</v>
      </c>
      <c r="Y73">
        <v>0</v>
      </c>
      <c r="Z73">
        <v>0</v>
      </c>
      <c r="AA73">
        <v>0</v>
      </c>
      <c r="AB73">
        <v>0</v>
      </c>
      <c r="AC73">
        <v>0</v>
      </c>
      <c r="AD73">
        <v>0</v>
      </c>
      <c r="AE73">
        <v>0</v>
      </c>
      <c r="AF73">
        <v>0</v>
      </c>
      <c r="AG73">
        <v>0</v>
      </c>
      <c r="AH73">
        <v>0</v>
      </c>
      <c r="AI73">
        <v>0</v>
      </c>
      <c r="AJ73">
        <v>0</v>
      </c>
      <c r="AK73">
        <v>0</v>
      </c>
    </row>
    <row r="74" spans="1:37" x14ac:dyDescent="0.4">
      <c r="A74">
        <v>137</v>
      </c>
      <c r="B74" t="s">
        <v>56</v>
      </c>
      <c r="C74">
        <v>0</v>
      </c>
      <c r="D74">
        <v>60</v>
      </c>
      <c r="E74">
        <v>30</v>
      </c>
      <c r="F74">
        <v>0</v>
      </c>
      <c r="G74">
        <v>0</v>
      </c>
      <c r="H74">
        <v>0</v>
      </c>
      <c r="I74">
        <v>0</v>
      </c>
      <c r="J74">
        <v>0</v>
      </c>
      <c r="K74">
        <v>0</v>
      </c>
      <c r="L74">
        <v>0</v>
      </c>
      <c r="M74">
        <v>0</v>
      </c>
      <c r="N74">
        <v>0</v>
      </c>
      <c r="O74">
        <v>0</v>
      </c>
      <c r="P74">
        <v>0</v>
      </c>
      <c r="Q74">
        <v>0</v>
      </c>
      <c r="R74">
        <v>0</v>
      </c>
      <c r="S74">
        <v>0</v>
      </c>
      <c r="T74">
        <v>0</v>
      </c>
      <c r="U74">
        <v>0</v>
      </c>
      <c r="V74">
        <v>0</v>
      </c>
      <c r="W74">
        <v>0</v>
      </c>
      <c r="X74">
        <v>0</v>
      </c>
      <c r="Y74">
        <v>0</v>
      </c>
      <c r="Z74">
        <v>0</v>
      </c>
      <c r="AA74">
        <v>0</v>
      </c>
      <c r="AB74">
        <v>0</v>
      </c>
      <c r="AC74">
        <v>0</v>
      </c>
      <c r="AD74">
        <v>0</v>
      </c>
      <c r="AE74">
        <v>0</v>
      </c>
      <c r="AF74">
        <v>0</v>
      </c>
      <c r="AG74">
        <v>0</v>
      </c>
      <c r="AH74">
        <v>0</v>
      </c>
      <c r="AI74">
        <v>0</v>
      </c>
      <c r="AJ74">
        <v>0</v>
      </c>
      <c r="AK74">
        <v>0</v>
      </c>
    </row>
    <row r="75" spans="1:37" x14ac:dyDescent="0.4">
      <c r="A75">
        <v>138</v>
      </c>
      <c r="B75" t="s">
        <v>56</v>
      </c>
      <c r="C75">
        <v>0</v>
      </c>
      <c r="D75">
        <v>60</v>
      </c>
      <c r="E75">
        <v>30</v>
      </c>
      <c r="F75">
        <v>0</v>
      </c>
      <c r="G75">
        <v>0</v>
      </c>
      <c r="H75">
        <v>0</v>
      </c>
      <c r="I75">
        <v>0</v>
      </c>
      <c r="J75">
        <v>0</v>
      </c>
      <c r="K75">
        <v>0</v>
      </c>
      <c r="L75">
        <v>0</v>
      </c>
      <c r="M75">
        <v>0</v>
      </c>
      <c r="N75">
        <v>0</v>
      </c>
      <c r="O75">
        <v>0</v>
      </c>
      <c r="P75">
        <v>0</v>
      </c>
      <c r="Q75">
        <v>0</v>
      </c>
      <c r="R75">
        <v>0</v>
      </c>
      <c r="S75">
        <v>0</v>
      </c>
      <c r="T75">
        <v>0</v>
      </c>
      <c r="U75">
        <v>0</v>
      </c>
      <c r="V75">
        <v>0</v>
      </c>
      <c r="W75">
        <v>0</v>
      </c>
      <c r="X75">
        <v>0</v>
      </c>
      <c r="Y75">
        <v>0</v>
      </c>
      <c r="Z75">
        <v>0</v>
      </c>
      <c r="AA75">
        <v>0</v>
      </c>
      <c r="AB75">
        <v>0</v>
      </c>
      <c r="AC75">
        <v>0</v>
      </c>
      <c r="AD75">
        <v>0</v>
      </c>
      <c r="AE75">
        <v>0</v>
      </c>
      <c r="AF75">
        <v>0</v>
      </c>
      <c r="AG75">
        <v>0</v>
      </c>
      <c r="AH75">
        <v>0</v>
      </c>
      <c r="AI75">
        <v>0</v>
      </c>
      <c r="AJ75">
        <v>0</v>
      </c>
      <c r="AK75">
        <v>0</v>
      </c>
    </row>
    <row r="76" spans="1:37" x14ac:dyDescent="0.4">
      <c r="A76">
        <v>139</v>
      </c>
      <c r="B76" t="s">
        <v>56</v>
      </c>
      <c r="C76">
        <v>3</v>
      </c>
      <c r="D76">
        <v>0</v>
      </c>
      <c r="E76">
        <v>30</v>
      </c>
      <c r="F76">
        <v>0</v>
      </c>
      <c r="G76">
        <v>0</v>
      </c>
      <c r="H76">
        <v>0</v>
      </c>
      <c r="I76">
        <v>0</v>
      </c>
      <c r="J76">
        <v>0</v>
      </c>
      <c r="K76">
        <v>0</v>
      </c>
      <c r="L76">
        <v>0</v>
      </c>
      <c r="M76">
        <v>0</v>
      </c>
      <c r="N76">
        <v>0</v>
      </c>
      <c r="O76">
        <v>0</v>
      </c>
      <c r="P76">
        <v>0</v>
      </c>
      <c r="Q76">
        <v>0</v>
      </c>
      <c r="R76">
        <v>0</v>
      </c>
      <c r="S76">
        <v>0</v>
      </c>
      <c r="T76">
        <v>0</v>
      </c>
      <c r="U76">
        <v>0</v>
      </c>
      <c r="V76">
        <v>0</v>
      </c>
      <c r="W76">
        <v>0</v>
      </c>
      <c r="X76">
        <v>0</v>
      </c>
      <c r="Y76">
        <v>0</v>
      </c>
      <c r="Z76">
        <v>0</v>
      </c>
      <c r="AA76">
        <v>0</v>
      </c>
      <c r="AB76">
        <v>0</v>
      </c>
      <c r="AC76">
        <v>0</v>
      </c>
      <c r="AD76">
        <v>0</v>
      </c>
      <c r="AE76">
        <v>0</v>
      </c>
      <c r="AF76">
        <v>0</v>
      </c>
      <c r="AG76">
        <v>0</v>
      </c>
      <c r="AH76">
        <v>0</v>
      </c>
      <c r="AI76">
        <v>0</v>
      </c>
      <c r="AJ76">
        <v>0</v>
      </c>
      <c r="AK76">
        <v>0</v>
      </c>
    </row>
    <row r="77" spans="1:37" x14ac:dyDescent="0.4">
      <c r="A77">
        <v>140</v>
      </c>
      <c r="B77" t="s">
        <v>56</v>
      </c>
      <c r="C77">
        <v>3</v>
      </c>
      <c r="D77">
        <v>0</v>
      </c>
      <c r="E77">
        <v>30</v>
      </c>
      <c r="F77">
        <v>0</v>
      </c>
      <c r="G77">
        <v>0</v>
      </c>
      <c r="H77">
        <v>0</v>
      </c>
      <c r="I77">
        <v>0</v>
      </c>
      <c r="J77">
        <v>0</v>
      </c>
      <c r="K77">
        <v>0</v>
      </c>
      <c r="L77">
        <v>0</v>
      </c>
      <c r="M77">
        <v>0</v>
      </c>
      <c r="N77">
        <v>0</v>
      </c>
      <c r="O77">
        <v>0</v>
      </c>
      <c r="P77">
        <v>0</v>
      </c>
      <c r="Q77">
        <v>0</v>
      </c>
      <c r="R77">
        <v>0</v>
      </c>
      <c r="S77">
        <v>0</v>
      </c>
      <c r="T77">
        <v>0</v>
      </c>
      <c r="U77">
        <v>0</v>
      </c>
      <c r="V77">
        <v>0</v>
      </c>
      <c r="W77">
        <v>0</v>
      </c>
      <c r="X77">
        <v>0</v>
      </c>
      <c r="Y77">
        <v>0</v>
      </c>
      <c r="Z77">
        <v>0</v>
      </c>
      <c r="AA77">
        <v>0</v>
      </c>
      <c r="AB77">
        <v>0</v>
      </c>
      <c r="AC77">
        <v>0</v>
      </c>
      <c r="AD77">
        <v>0</v>
      </c>
      <c r="AE77">
        <v>0</v>
      </c>
      <c r="AF77">
        <v>0</v>
      </c>
      <c r="AG77">
        <v>0</v>
      </c>
      <c r="AH77">
        <v>0</v>
      </c>
      <c r="AI77">
        <v>0</v>
      </c>
      <c r="AJ77">
        <v>0</v>
      </c>
      <c r="AK77">
        <v>0</v>
      </c>
    </row>
    <row r="78" spans="1:37" x14ac:dyDescent="0.4">
      <c r="A78">
        <v>141</v>
      </c>
      <c r="B78" t="s">
        <v>56</v>
      </c>
      <c r="C78">
        <v>3</v>
      </c>
      <c r="D78">
        <v>0</v>
      </c>
      <c r="E78">
        <v>30</v>
      </c>
      <c r="F78">
        <v>0</v>
      </c>
      <c r="G78">
        <v>0</v>
      </c>
      <c r="H78">
        <v>0</v>
      </c>
      <c r="I78">
        <v>0</v>
      </c>
      <c r="J78">
        <v>0</v>
      </c>
      <c r="K78">
        <v>0</v>
      </c>
      <c r="L78">
        <v>0</v>
      </c>
      <c r="M78">
        <v>0</v>
      </c>
      <c r="N78">
        <v>0</v>
      </c>
      <c r="O78">
        <v>0</v>
      </c>
      <c r="P78">
        <v>0</v>
      </c>
      <c r="Q78">
        <v>0</v>
      </c>
      <c r="R78">
        <v>0</v>
      </c>
      <c r="S78">
        <v>0</v>
      </c>
      <c r="T78">
        <v>0</v>
      </c>
      <c r="U78">
        <v>0</v>
      </c>
      <c r="V78">
        <v>0</v>
      </c>
      <c r="W78">
        <v>0</v>
      </c>
      <c r="X78">
        <v>0</v>
      </c>
      <c r="Y78">
        <v>0</v>
      </c>
      <c r="Z78">
        <v>0</v>
      </c>
      <c r="AA78">
        <v>0</v>
      </c>
      <c r="AB78">
        <v>0</v>
      </c>
      <c r="AC78">
        <v>0</v>
      </c>
      <c r="AD78">
        <v>0</v>
      </c>
      <c r="AE78">
        <v>0</v>
      </c>
      <c r="AF78">
        <v>0</v>
      </c>
      <c r="AG78">
        <v>0</v>
      </c>
      <c r="AH78">
        <v>0</v>
      </c>
      <c r="AI78">
        <v>0</v>
      </c>
      <c r="AJ78">
        <v>0</v>
      </c>
      <c r="AK78">
        <v>0</v>
      </c>
    </row>
    <row r="79" spans="1:37" x14ac:dyDescent="0.4">
      <c r="A79">
        <v>142</v>
      </c>
      <c r="B79" t="s">
        <v>56</v>
      </c>
      <c r="C79">
        <v>3</v>
      </c>
      <c r="D79">
        <v>0</v>
      </c>
      <c r="E79">
        <v>30</v>
      </c>
      <c r="F79">
        <v>0</v>
      </c>
      <c r="G79">
        <v>0</v>
      </c>
      <c r="H79">
        <v>0</v>
      </c>
      <c r="I79">
        <v>0</v>
      </c>
      <c r="J79">
        <v>0</v>
      </c>
      <c r="K79">
        <v>0</v>
      </c>
      <c r="L79">
        <v>0</v>
      </c>
      <c r="M79">
        <v>0</v>
      </c>
      <c r="N79">
        <v>0</v>
      </c>
      <c r="O79">
        <v>0</v>
      </c>
      <c r="P79">
        <v>0</v>
      </c>
      <c r="Q79">
        <v>0</v>
      </c>
      <c r="R79">
        <v>0</v>
      </c>
      <c r="S79">
        <v>0</v>
      </c>
      <c r="T79">
        <v>0</v>
      </c>
      <c r="U79">
        <v>0</v>
      </c>
      <c r="V79">
        <v>0</v>
      </c>
      <c r="W79">
        <v>0</v>
      </c>
      <c r="X79">
        <v>0</v>
      </c>
      <c r="Y79">
        <v>0</v>
      </c>
      <c r="Z79">
        <v>0</v>
      </c>
      <c r="AA79">
        <v>0</v>
      </c>
      <c r="AB79">
        <v>0</v>
      </c>
      <c r="AC79">
        <v>0</v>
      </c>
      <c r="AD79">
        <v>0</v>
      </c>
      <c r="AE79">
        <v>0</v>
      </c>
      <c r="AF79">
        <v>0</v>
      </c>
      <c r="AG79">
        <v>0</v>
      </c>
      <c r="AH79">
        <v>0</v>
      </c>
      <c r="AI79">
        <v>0</v>
      </c>
      <c r="AJ79">
        <v>0</v>
      </c>
      <c r="AK79">
        <v>0</v>
      </c>
    </row>
    <row r="80" spans="1:37" x14ac:dyDescent="0.4">
      <c r="A80">
        <v>108</v>
      </c>
      <c r="B80" t="s">
        <v>56</v>
      </c>
      <c r="C80">
        <v>0</v>
      </c>
      <c r="D80">
        <v>0</v>
      </c>
      <c r="E80">
        <v>0</v>
      </c>
      <c r="F80">
        <v>0</v>
      </c>
      <c r="G80">
        <v>0</v>
      </c>
      <c r="H80">
        <v>0</v>
      </c>
      <c r="I80">
        <v>0</v>
      </c>
      <c r="J80">
        <v>0</v>
      </c>
      <c r="K80">
        <v>0</v>
      </c>
      <c r="L80">
        <v>0</v>
      </c>
      <c r="M80">
        <v>0</v>
      </c>
      <c r="N80">
        <v>0</v>
      </c>
      <c r="O80">
        <v>0</v>
      </c>
      <c r="P80">
        <v>0</v>
      </c>
      <c r="Q80">
        <v>0</v>
      </c>
      <c r="R80">
        <v>0</v>
      </c>
      <c r="S80">
        <v>0</v>
      </c>
      <c r="T80">
        <v>0</v>
      </c>
      <c r="U80">
        <v>0</v>
      </c>
      <c r="V80">
        <v>0</v>
      </c>
      <c r="W80">
        <v>0</v>
      </c>
      <c r="X80">
        <v>0</v>
      </c>
      <c r="Y80">
        <v>0</v>
      </c>
      <c r="Z80">
        <v>0</v>
      </c>
      <c r="AA80">
        <v>0</v>
      </c>
      <c r="AB80">
        <v>0</v>
      </c>
      <c r="AC80">
        <v>0</v>
      </c>
      <c r="AD80">
        <v>0</v>
      </c>
      <c r="AE80">
        <v>0</v>
      </c>
      <c r="AF80">
        <v>0</v>
      </c>
      <c r="AG80">
        <v>0</v>
      </c>
      <c r="AH80">
        <v>0</v>
      </c>
      <c r="AI80">
        <v>0</v>
      </c>
      <c r="AJ80">
        <v>0</v>
      </c>
      <c r="AK80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K37"/>
  <sheetViews>
    <sheetView topLeftCell="T1" workbookViewId="0">
      <selection sqref="A1:AL1"/>
    </sheetView>
  </sheetViews>
  <sheetFormatPr defaultRowHeight="18.75" x14ac:dyDescent="0.4"/>
  <sheetData>
    <row r="1" spans="1:37" x14ac:dyDescent="0.4">
      <c r="A1" s="1" t="s">
        <v>57</v>
      </c>
      <c r="B1" s="2" t="s">
        <v>58</v>
      </c>
      <c r="C1" s="1" t="s">
        <v>59</v>
      </c>
      <c r="D1" s="2" t="s">
        <v>60</v>
      </c>
      <c r="E1" s="1" t="s">
        <v>61</v>
      </c>
      <c r="F1" s="2" t="s">
        <v>62</v>
      </c>
      <c r="G1" s="1" t="s">
        <v>63</v>
      </c>
      <c r="H1" s="2" t="s">
        <v>64</v>
      </c>
      <c r="I1" s="1" t="s">
        <v>65</v>
      </c>
      <c r="J1" s="2" t="s">
        <v>66</v>
      </c>
      <c r="K1" s="1" t="s">
        <v>67</v>
      </c>
      <c r="L1" s="2" t="s">
        <v>68</v>
      </c>
      <c r="M1" s="1" t="s">
        <v>69</v>
      </c>
      <c r="N1" s="2" t="s">
        <v>70</v>
      </c>
      <c r="O1" s="1" t="s">
        <v>71</v>
      </c>
      <c r="P1" s="2" t="s">
        <v>72</v>
      </c>
      <c r="Q1" s="1" t="s">
        <v>73</v>
      </c>
      <c r="R1" s="2" t="s">
        <v>74</v>
      </c>
      <c r="S1" s="1" t="s">
        <v>75</v>
      </c>
      <c r="T1" s="2" t="s">
        <v>76</v>
      </c>
      <c r="U1" s="1" t="s">
        <v>77</v>
      </c>
      <c r="V1" s="2" t="s">
        <v>78</v>
      </c>
      <c r="W1" s="1" t="s">
        <v>79</v>
      </c>
      <c r="X1" s="2" t="s">
        <v>80</v>
      </c>
      <c r="Y1" s="1" t="s">
        <v>81</v>
      </c>
      <c r="Z1" s="2" t="s">
        <v>82</v>
      </c>
      <c r="AA1" s="1" t="s">
        <v>83</v>
      </c>
      <c r="AB1" s="2" t="s">
        <v>84</v>
      </c>
      <c r="AC1" s="1" t="s">
        <v>85</v>
      </c>
      <c r="AD1" s="2" t="s">
        <v>86</v>
      </c>
      <c r="AE1" s="1" t="s">
        <v>87</v>
      </c>
      <c r="AF1" s="2" t="s">
        <v>88</v>
      </c>
      <c r="AG1" s="1" t="s">
        <v>89</v>
      </c>
      <c r="AH1" s="2" t="s">
        <v>90</v>
      </c>
      <c r="AI1" s="1" t="s">
        <v>91</v>
      </c>
      <c r="AJ1" s="2" t="s">
        <v>92</v>
      </c>
      <c r="AK1" s="1" t="s">
        <v>93</v>
      </c>
    </row>
    <row r="2" spans="1:37" x14ac:dyDescent="0.4">
      <c r="A2" s="1" t="s">
        <v>57</v>
      </c>
      <c r="B2" s="2" t="s">
        <v>58</v>
      </c>
      <c r="C2" s="1" t="s">
        <v>59</v>
      </c>
      <c r="D2" s="2" t="s">
        <v>60</v>
      </c>
      <c r="E2" s="1" t="s">
        <v>61</v>
      </c>
      <c r="F2" s="2" t="s">
        <v>62</v>
      </c>
      <c r="G2" s="1" t="s">
        <v>63</v>
      </c>
      <c r="H2" s="2" t="s">
        <v>64</v>
      </c>
      <c r="I2" s="1" t="s">
        <v>65</v>
      </c>
      <c r="J2" s="2" t="s">
        <v>66</v>
      </c>
      <c r="K2" s="1" t="s">
        <v>67</v>
      </c>
      <c r="L2" s="2" t="s">
        <v>68</v>
      </c>
      <c r="M2" s="1" t="s">
        <v>69</v>
      </c>
      <c r="N2" s="2" t="s">
        <v>70</v>
      </c>
      <c r="O2" s="1" t="s">
        <v>71</v>
      </c>
      <c r="P2" s="2" t="s">
        <v>72</v>
      </c>
      <c r="Q2" s="1" t="s">
        <v>73</v>
      </c>
      <c r="R2" s="2" t="s">
        <v>74</v>
      </c>
      <c r="S2" s="1" t="s">
        <v>75</v>
      </c>
      <c r="T2" s="2" t="s">
        <v>76</v>
      </c>
      <c r="U2" s="1" t="s">
        <v>77</v>
      </c>
      <c r="V2" s="2" t="s">
        <v>78</v>
      </c>
      <c r="W2" s="1" t="s">
        <v>79</v>
      </c>
      <c r="X2" s="2" t="s">
        <v>80</v>
      </c>
      <c r="Y2" s="1" t="s">
        <v>81</v>
      </c>
      <c r="Z2" s="2" t="s">
        <v>82</v>
      </c>
      <c r="AA2" s="1" t="s">
        <v>83</v>
      </c>
      <c r="AB2" s="2" t="s">
        <v>84</v>
      </c>
      <c r="AC2" s="1" t="s">
        <v>85</v>
      </c>
      <c r="AD2" s="2" t="s">
        <v>86</v>
      </c>
      <c r="AE2" s="1" t="s">
        <v>87</v>
      </c>
      <c r="AF2" s="2" t="s">
        <v>88</v>
      </c>
      <c r="AG2" s="1" t="s">
        <v>89</v>
      </c>
      <c r="AH2" s="2" t="s">
        <v>90</v>
      </c>
      <c r="AI2" s="1" t="s">
        <v>91</v>
      </c>
      <c r="AJ2" s="2" t="s">
        <v>92</v>
      </c>
      <c r="AK2" s="1" t="s">
        <v>93</v>
      </c>
    </row>
    <row r="3" spans="1:37" x14ac:dyDescent="0.4">
      <c r="A3" s="1" t="s">
        <v>57</v>
      </c>
      <c r="B3" s="2" t="s">
        <v>58</v>
      </c>
      <c r="C3" s="1" t="s">
        <v>59</v>
      </c>
      <c r="D3" s="2" t="s">
        <v>60</v>
      </c>
      <c r="E3" s="1" t="s">
        <v>61</v>
      </c>
      <c r="F3" s="2" t="s">
        <v>62</v>
      </c>
      <c r="G3" s="1" t="s">
        <v>63</v>
      </c>
      <c r="H3" s="2" t="s">
        <v>64</v>
      </c>
      <c r="I3" s="1" t="s">
        <v>65</v>
      </c>
      <c r="J3" s="2" t="s">
        <v>66</v>
      </c>
      <c r="K3" s="1" t="s">
        <v>67</v>
      </c>
      <c r="L3" s="2" t="s">
        <v>68</v>
      </c>
      <c r="M3" s="1" t="s">
        <v>69</v>
      </c>
      <c r="N3" s="2" t="s">
        <v>70</v>
      </c>
      <c r="O3" s="1" t="s">
        <v>71</v>
      </c>
      <c r="P3" s="2" t="s">
        <v>72</v>
      </c>
      <c r="Q3" s="1" t="s">
        <v>73</v>
      </c>
      <c r="R3" s="2" t="s">
        <v>74</v>
      </c>
      <c r="S3" s="1" t="s">
        <v>75</v>
      </c>
      <c r="T3" s="2" t="s">
        <v>76</v>
      </c>
      <c r="U3" s="1" t="s">
        <v>77</v>
      </c>
      <c r="V3" s="2" t="s">
        <v>78</v>
      </c>
      <c r="W3" s="1" t="s">
        <v>79</v>
      </c>
      <c r="X3" s="2" t="s">
        <v>80</v>
      </c>
      <c r="Y3" s="1" t="s">
        <v>81</v>
      </c>
      <c r="Z3" s="2" t="s">
        <v>82</v>
      </c>
      <c r="AA3" s="1" t="s">
        <v>83</v>
      </c>
      <c r="AB3" s="2" t="s">
        <v>84</v>
      </c>
      <c r="AC3" s="1" t="s">
        <v>85</v>
      </c>
      <c r="AD3" s="2" t="s">
        <v>86</v>
      </c>
      <c r="AE3" s="1" t="s">
        <v>87</v>
      </c>
      <c r="AF3" s="2" t="s">
        <v>88</v>
      </c>
      <c r="AG3" s="1" t="s">
        <v>89</v>
      </c>
      <c r="AH3" s="2" t="s">
        <v>90</v>
      </c>
      <c r="AI3" s="1" t="s">
        <v>91</v>
      </c>
      <c r="AJ3" s="2" t="s">
        <v>92</v>
      </c>
      <c r="AK3" s="1" t="s">
        <v>93</v>
      </c>
    </row>
    <row r="4" spans="1:37" x14ac:dyDescent="0.4">
      <c r="A4" s="1" t="s">
        <v>57</v>
      </c>
      <c r="B4" s="2" t="s">
        <v>58</v>
      </c>
      <c r="C4" s="1" t="s">
        <v>59</v>
      </c>
      <c r="D4" s="2" t="s">
        <v>60</v>
      </c>
      <c r="E4" s="1" t="s">
        <v>61</v>
      </c>
      <c r="F4" s="2" t="s">
        <v>62</v>
      </c>
      <c r="G4" s="1" t="s">
        <v>63</v>
      </c>
      <c r="H4" s="2" t="s">
        <v>64</v>
      </c>
      <c r="I4" s="1" t="s">
        <v>65</v>
      </c>
      <c r="J4" s="2" t="s">
        <v>66</v>
      </c>
      <c r="K4" s="1" t="s">
        <v>67</v>
      </c>
      <c r="L4" s="2" t="s">
        <v>68</v>
      </c>
      <c r="M4" s="1" t="s">
        <v>69</v>
      </c>
      <c r="N4" s="2" t="s">
        <v>70</v>
      </c>
      <c r="O4" s="1" t="s">
        <v>71</v>
      </c>
      <c r="P4" s="2" t="s">
        <v>72</v>
      </c>
      <c r="Q4" s="1" t="s">
        <v>73</v>
      </c>
      <c r="R4" s="2" t="s">
        <v>74</v>
      </c>
      <c r="S4" s="1" t="s">
        <v>75</v>
      </c>
      <c r="T4" s="2" t="s">
        <v>76</v>
      </c>
      <c r="U4" s="1" t="s">
        <v>77</v>
      </c>
      <c r="V4" s="2" t="s">
        <v>78</v>
      </c>
      <c r="W4" s="1" t="s">
        <v>79</v>
      </c>
      <c r="X4" s="2" t="s">
        <v>80</v>
      </c>
      <c r="Y4" s="1" t="s">
        <v>81</v>
      </c>
      <c r="Z4" s="2" t="s">
        <v>82</v>
      </c>
      <c r="AA4" s="1" t="s">
        <v>83</v>
      </c>
      <c r="AB4" s="2" t="s">
        <v>84</v>
      </c>
      <c r="AC4" s="1" t="s">
        <v>85</v>
      </c>
      <c r="AD4" s="2" t="s">
        <v>86</v>
      </c>
      <c r="AE4" s="1" t="s">
        <v>87</v>
      </c>
      <c r="AF4" s="2" t="s">
        <v>88</v>
      </c>
      <c r="AG4" s="1" t="s">
        <v>89</v>
      </c>
      <c r="AH4" s="2" t="s">
        <v>90</v>
      </c>
      <c r="AI4" s="1" t="s">
        <v>91</v>
      </c>
      <c r="AJ4" s="2" t="s">
        <v>92</v>
      </c>
      <c r="AK4" s="1" t="s">
        <v>93</v>
      </c>
    </row>
    <row r="5" spans="1:37" x14ac:dyDescent="0.4">
      <c r="A5" s="1" t="s">
        <v>57</v>
      </c>
      <c r="B5" s="2" t="s">
        <v>58</v>
      </c>
      <c r="C5" s="1" t="s">
        <v>59</v>
      </c>
      <c r="D5" s="2" t="s">
        <v>60</v>
      </c>
      <c r="E5" s="1" t="s">
        <v>61</v>
      </c>
      <c r="F5" s="2" t="s">
        <v>62</v>
      </c>
      <c r="G5" s="1" t="s">
        <v>63</v>
      </c>
      <c r="H5" s="2" t="s">
        <v>64</v>
      </c>
      <c r="I5" s="1" t="s">
        <v>65</v>
      </c>
      <c r="J5" s="2" t="s">
        <v>66</v>
      </c>
      <c r="K5" s="1" t="s">
        <v>67</v>
      </c>
      <c r="L5" s="2" t="s">
        <v>68</v>
      </c>
      <c r="M5" s="1" t="s">
        <v>69</v>
      </c>
      <c r="N5" s="2" t="s">
        <v>70</v>
      </c>
      <c r="O5" s="1" t="s">
        <v>71</v>
      </c>
      <c r="P5" s="2" t="s">
        <v>72</v>
      </c>
      <c r="Q5" s="1" t="s">
        <v>73</v>
      </c>
      <c r="R5" s="2" t="s">
        <v>74</v>
      </c>
      <c r="S5" s="1" t="s">
        <v>75</v>
      </c>
      <c r="T5" s="2" t="s">
        <v>76</v>
      </c>
      <c r="U5" s="1" t="s">
        <v>77</v>
      </c>
      <c r="V5" s="2" t="s">
        <v>78</v>
      </c>
      <c r="W5" s="1" t="s">
        <v>79</v>
      </c>
      <c r="X5" s="2" t="s">
        <v>80</v>
      </c>
      <c r="Y5" s="1" t="s">
        <v>81</v>
      </c>
      <c r="Z5" s="2" t="s">
        <v>82</v>
      </c>
      <c r="AA5" s="1" t="s">
        <v>83</v>
      </c>
      <c r="AB5" s="2" t="s">
        <v>84</v>
      </c>
      <c r="AC5" s="1" t="s">
        <v>85</v>
      </c>
      <c r="AD5" s="2" t="s">
        <v>86</v>
      </c>
      <c r="AE5" s="1" t="s">
        <v>87</v>
      </c>
      <c r="AF5" s="2" t="s">
        <v>88</v>
      </c>
      <c r="AG5" s="1" t="s">
        <v>89</v>
      </c>
      <c r="AH5" s="2" t="s">
        <v>90</v>
      </c>
      <c r="AI5" s="1" t="s">
        <v>91</v>
      </c>
      <c r="AJ5" s="2" t="s">
        <v>92</v>
      </c>
      <c r="AK5" s="1" t="s">
        <v>93</v>
      </c>
    </row>
    <row r="6" spans="1:37" x14ac:dyDescent="0.4">
      <c r="A6" s="1" t="s">
        <v>57</v>
      </c>
      <c r="B6" s="2" t="s">
        <v>58</v>
      </c>
      <c r="C6" s="1" t="s">
        <v>59</v>
      </c>
      <c r="D6" s="2" t="s">
        <v>60</v>
      </c>
      <c r="E6" s="1" t="s">
        <v>61</v>
      </c>
      <c r="F6" s="2" t="s">
        <v>62</v>
      </c>
      <c r="G6" s="1" t="s">
        <v>63</v>
      </c>
      <c r="H6" s="2" t="s">
        <v>64</v>
      </c>
      <c r="I6" s="1" t="s">
        <v>65</v>
      </c>
      <c r="J6" s="2" t="s">
        <v>66</v>
      </c>
      <c r="K6" s="1" t="s">
        <v>67</v>
      </c>
      <c r="L6" s="2" t="s">
        <v>68</v>
      </c>
      <c r="M6" s="1" t="s">
        <v>69</v>
      </c>
      <c r="N6" s="2" t="s">
        <v>70</v>
      </c>
      <c r="O6" s="1" t="s">
        <v>71</v>
      </c>
      <c r="P6" s="2" t="s">
        <v>72</v>
      </c>
      <c r="Q6" s="1" t="s">
        <v>73</v>
      </c>
      <c r="R6" s="2" t="s">
        <v>74</v>
      </c>
      <c r="S6" s="1" t="s">
        <v>75</v>
      </c>
      <c r="T6" s="2" t="s">
        <v>76</v>
      </c>
      <c r="U6" s="1" t="s">
        <v>77</v>
      </c>
      <c r="V6" s="2" t="s">
        <v>78</v>
      </c>
      <c r="W6" s="1" t="s">
        <v>79</v>
      </c>
      <c r="X6" s="2" t="s">
        <v>80</v>
      </c>
      <c r="Y6" s="1" t="s">
        <v>81</v>
      </c>
      <c r="Z6" s="2" t="s">
        <v>82</v>
      </c>
      <c r="AA6" s="1" t="s">
        <v>83</v>
      </c>
      <c r="AB6" s="2" t="s">
        <v>84</v>
      </c>
      <c r="AC6" s="1" t="s">
        <v>85</v>
      </c>
      <c r="AD6" s="2" t="s">
        <v>86</v>
      </c>
      <c r="AE6" s="1" t="s">
        <v>87</v>
      </c>
      <c r="AF6" s="2" t="s">
        <v>88</v>
      </c>
      <c r="AG6" s="1" t="s">
        <v>89</v>
      </c>
      <c r="AH6" s="2" t="s">
        <v>90</v>
      </c>
      <c r="AI6" s="1" t="s">
        <v>91</v>
      </c>
      <c r="AJ6" s="2" t="s">
        <v>92</v>
      </c>
      <c r="AK6" s="1" t="s">
        <v>93</v>
      </c>
    </row>
    <row r="7" spans="1:37" x14ac:dyDescent="0.4">
      <c r="A7" s="1" t="s">
        <v>57</v>
      </c>
      <c r="B7" s="2" t="s">
        <v>58</v>
      </c>
      <c r="C7" s="1" t="s">
        <v>59</v>
      </c>
      <c r="D7" s="2" t="s">
        <v>60</v>
      </c>
      <c r="E7" s="1" t="s">
        <v>61</v>
      </c>
      <c r="F7" s="2" t="s">
        <v>62</v>
      </c>
      <c r="G7" s="1" t="s">
        <v>63</v>
      </c>
      <c r="H7" s="2" t="s">
        <v>64</v>
      </c>
      <c r="I7" s="1" t="s">
        <v>65</v>
      </c>
      <c r="J7" s="2" t="s">
        <v>66</v>
      </c>
      <c r="K7" s="1" t="s">
        <v>67</v>
      </c>
      <c r="L7" s="2" t="s">
        <v>68</v>
      </c>
      <c r="M7" s="1" t="s">
        <v>69</v>
      </c>
      <c r="N7" s="2" t="s">
        <v>70</v>
      </c>
      <c r="O7" s="1" t="s">
        <v>71</v>
      </c>
      <c r="P7" s="2" t="s">
        <v>72</v>
      </c>
      <c r="Q7" s="1" t="s">
        <v>73</v>
      </c>
      <c r="R7" s="2" t="s">
        <v>74</v>
      </c>
      <c r="S7" s="1" t="s">
        <v>75</v>
      </c>
      <c r="T7" s="2" t="s">
        <v>76</v>
      </c>
      <c r="U7" s="1" t="s">
        <v>77</v>
      </c>
      <c r="V7" s="2" t="s">
        <v>78</v>
      </c>
      <c r="W7" s="1" t="s">
        <v>79</v>
      </c>
      <c r="X7" s="2" t="s">
        <v>80</v>
      </c>
      <c r="Y7" s="1" t="s">
        <v>81</v>
      </c>
      <c r="Z7" s="2" t="s">
        <v>82</v>
      </c>
      <c r="AA7" s="1" t="s">
        <v>83</v>
      </c>
      <c r="AB7" s="2" t="s">
        <v>84</v>
      </c>
      <c r="AC7" s="1" t="s">
        <v>85</v>
      </c>
      <c r="AD7" s="2" t="s">
        <v>86</v>
      </c>
      <c r="AE7" s="1" t="s">
        <v>87</v>
      </c>
      <c r="AF7" s="2" t="s">
        <v>88</v>
      </c>
      <c r="AG7" s="1" t="s">
        <v>89</v>
      </c>
      <c r="AH7" s="2" t="s">
        <v>90</v>
      </c>
      <c r="AI7" s="1" t="s">
        <v>91</v>
      </c>
      <c r="AJ7" s="2" t="s">
        <v>92</v>
      </c>
      <c r="AK7" s="1" t="s">
        <v>93</v>
      </c>
    </row>
    <row r="8" spans="1:37" x14ac:dyDescent="0.4">
      <c r="A8" s="1" t="s">
        <v>57</v>
      </c>
      <c r="B8" s="2" t="s">
        <v>58</v>
      </c>
      <c r="C8" s="1" t="s">
        <v>59</v>
      </c>
      <c r="D8" s="2" t="s">
        <v>60</v>
      </c>
      <c r="E8" s="1" t="s">
        <v>61</v>
      </c>
      <c r="F8" s="2" t="s">
        <v>62</v>
      </c>
      <c r="G8" s="1" t="s">
        <v>63</v>
      </c>
      <c r="H8" s="2" t="s">
        <v>64</v>
      </c>
      <c r="I8" s="1" t="s">
        <v>65</v>
      </c>
      <c r="J8" s="2" t="s">
        <v>66</v>
      </c>
      <c r="K8" s="1" t="s">
        <v>67</v>
      </c>
      <c r="L8" s="2" t="s">
        <v>68</v>
      </c>
      <c r="M8" s="1" t="s">
        <v>69</v>
      </c>
      <c r="N8" s="2" t="s">
        <v>70</v>
      </c>
      <c r="O8" s="1" t="s">
        <v>71</v>
      </c>
      <c r="P8" s="2" t="s">
        <v>72</v>
      </c>
      <c r="Q8" s="1" t="s">
        <v>73</v>
      </c>
      <c r="R8" s="2" t="s">
        <v>74</v>
      </c>
      <c r="S8" s="1" t="s">
        <v>75</v>
      </c>
      <c r="T8" s="2" t="s">
        <v>76</v>
      </c>
      <c r="U8" s="1" t="s">
        <v>77</v>
      </c>
      <c r="V8" s="2" t="s">
        <v>78</v>
      </c>
      <c r="W8" s="1" t="s">
        <v>79</v>
      </c>
      <c r="X8" s="2" t="s">
        <v>80</v>
      </c>
      <c r="Y8" s="1" t="s">
        <v>81</v>
      </c>
      <c r="Z8" s="2" t="s">
        <v>82</v>
      </c>
      <c r="AA8" s="1" t="s">
        <v>83</v>
      </c>
      <c r="AB8" s="2" t="s">
        <v>84</v>
      </c>
      <c r="AC8" s="1" t="s">
        <v>85</v>
      </c>
      <c r="AD8" s="2" t="s">
        <v>86</v>
      </c>
      <c r="AE8" s="1" t="s">
        <v>87</v>
      </c>
      <c r="AF8" s="2" t="s">
        <v>88</v>
      </c>
      <c r="AG8" s="1" t="s">
        <v>89</v>
      </c>
      <c r="AH8" s="2" t="s">
        <v>90</v>
      </c>
      <c r="AI8" s="1" t="s">
        <v>91</v>
      </c>
      <c r="AJ8" s="2" t="s">
        <v>92</v>
      </c>
      <c r="AK8" s="1" t="s">
        <v>93</v>
      </c>
    </row>
    <row r="9" spans="1:37" x14ac:dyDescent="0.4">
      <c r="A9" s="1" t="s">
        <v>57</v>
      </c>
      <c r="B9" s="2" t="s">
        <v>58</v>
      </c>
      <c r="C9" s="1" t="s">
        <v>59</v>
      </c>
      <c r="D9" s="2" t="s">
        <v>60</v>
      </c>
      <c r="E9" s="1" t="s">
        <v>61</v>
      </c>
      <c r="F9" s="2" t="s">
        <v>62</v>
      </c>
      <c r="G9" s="1" t="s">
        <v>63</v>
      </c>
      <c r="H9" s="2" t="s">
        <v>64</v>
      </c>
      <c r="I9" s="1" t="s">
        <v>65</v>
      </c>
      <c r="J9" s="2" t="s">
        <v>66</v>
      </c>
      <c r="K9" s="1" t="s">
        <v>67</v>
      </c>
      <c r="L9" s="2" t="s">
        <v>68</v>
      </c>
      <c r="M9" s="1" t="s">
        <v>69</v>
      </c>
      <c r="N9" s="2" t="s">
        <v>70</v>
      </c>
      <c r="O9" s="1" t="s">
        <v>71</v>
      </c>
      <c r="P9" s="2" t="s">
        <v>72</v>
      </c>
      <c r="Q9" s="1" t="s">
        <v>73</v>
      </c>
      <c r="R9" s="2" t="s">
        <v>74</v>
      </c>
      <c r="S9" s="1" t="s">
        <v>75</v>
      </c>
      <c r="T9" s="2" t="s">
        <v>76</v>
      </c>
      <c r="U9" s="1" t="s">
        <v>77</v>
      </c>
      <c r="V9" s="2" t="s">
        <v>78</v>
      </c>
      <c r="W9" s="1" t="s">
        <v>79</v>
      </c>
      <c r="X9" s="2" t="s">
        <v>80</v>
      </c>
      <c r="Y9" s="1" t="s">
        <v>81</v>
      </c>
      <c r="Z9" s="2" t="s">
        <v>82</v>
      </c>
      <c r="AA9" s="1" t="s">
        <v>83</v>
      </c>
      <c r="AB9" s="2" t="s">
        <v>84</v>
      </c>
      <c r="AC9" s="1" t="s">
        <v>85</v>
      </c>
      <c r="AD9" s="2" t="s">
        <v>86</v>
      </c>
      <c r="AE9" s="1" t="s">
        <v>87</v>
      </c>
      <c r="AF9" s="2" t="s">
        <v>88</v>
      </c>
      <c r="AG9" s="1" t="s">
        <v>89</v>
      </c>
      <c r="AH9" s="2" t="s">
        <v>90</v>
      </c>
      <c r="AI9" s="1" t="s">
        <v>91</v>
      </c>
      <c r="AJ9" s="2" t="s">
        <v>92</v>
      </c>
      <c r="AK9" s="1" t="s">
        <v>93</v>
      </c>
    </row>
    <row r="10" spans="1:37" x14ac:dyDescent="0.4">
      <c r="A10" s="1" t="s">
        <v>57</v>
      </c>
      <c r="B10" s="2" t="s">
        <v>58</v>
      </c>
      <c r="C10" s="1" t="s">
        <v>59</v>
      </c>
      <c r="D10" s="2" t="s">
        <v>60</v>
      </c>
      <c r="E10" s="1" t="s">
        <v>61</v>
      </c>
      <c r="F10" s="2" t="s">
        <v>62</v>
      </c>
      <c r="G10" s="1" t="s">
        <v>63</v>
      </c>
      <c r="H10" s="2" t="s">
        <v>64</v>
      </c>
      <c r="I10" s="1" t="s">
        <v>65</v>
      </c>
      <c r="J10" s="2" t="s">
        <v>66</v>
      </c>
      <c r="K10" s="1" t="s">
        <v>67</v>
      </c>
      <c r="L10" s="2" t="s">
        <v>68</v>
      </c>
      <c r="M10" s="1" t="s">
        <v>69</v>
      </c>
      <c r="N10" s="2" t="s">
        <v>70</v>
      </c>
      <c r="O10" s="1" t="s">
        <v>71</v>
      </c>
      <c r="P10" s="2" t="s">
        <v>72</v>
      </c>
      <c r="Q10" s="1" t="s">
        <v>73</v>
      </c>
      <c r="R10" s="2" t="s">
        <v>74</v>
      </c>
      <c r="S10" s="1" t="s">
        <v>75</v>
      </c>
      <c r="T10" s="2" t="s">
        <v>76</v>
      </c>
      <c r="U10" s="1" t="s">
        <v>77</v>
      </c>
      <c r="V10" s="2" t="s">
        <v>78</v>
      </c>
      <c r="W10" s="1" t="s">
        <v>79</v>
      </c>
      <c r="X10" s="2" t="s">
        <v>80</v>
      </c>
      <c r="Y10" s="1" t="s">
        <v>81</v>
      </c>
      <c r="Z10" s="2" t="s">
        <v>82</v>
      </c>
      <c r="AA10" s="1" t="s">
        <v>83</v>
      </c>
      <c r="AB10" s="2" t="s">
        <v>84</v>
      </c>
      <c r="AC10" s="1" t="s">
        <v>85</v>
      </c>
      <c r="AD10" s="2" t="s">
        <v>86</v>
      </c>
      <c r="AE10" s="1" t="s">
        <v>87</v>
      </c>
      <c r="AF10" s="2" t="s">
        <v>88</v>
      </c>
      <c r="AG10" s="1" t="s">
        <v>89</v>
      </c>
      <c r="AH10" s="2" t="s">
        <v>90</v>
      </c>
      <c r="AI10" s="1" t="s">
        <v>91</v>
      </c>
      <c r="AJ10" s="2" t="s">
        <v>92</v>
      </c>
      <c r="AK10" s="1" t="s">
        <v>93</v>
      </c>
    </row>
    <row r="11" spans="1:37" x14ac:dyDescent="0.4">
      <c r="A11" s="1" t="s">
        <v>57</v>
      </c>
      <c r="B11" s="2" t="s">
        <v>58</v>
      </c>
      <c r="C11" s="1" t="s">
        <v>59</v>
      </c>
      <c r="D11" s="2" t="s">
        <v>60</v>
      </c>
      <c r="E11" s="1" t="s">
        <v>61</v>
      </c>
      <c r="F11" s="2" t="s">
        <v>62</v>
      </c>
      <c r="G11" s="1" t="s">
        <v>63</v>
      </c>
      <c r="H11" s="2" t="s">
        <v>64</v>
      </c>
      <c r="I11" s="1" t="s">
        <v>65</v>
      </c>
      <c r="J11" s="2" t="s">
        <v>66</v>
      </c>
      <c r="K11" s="1" t="s">
        <v>67</v>
      </c>
      <c r="L11" s="2" t="s">
        <v>68</v>
      </c>
      <c r="M11" s="1" t="s">
        <v>69</v>
      </c>
      <c r="N11" s="2" t="s">
        <v>70</v>
      </c>
      <c r="O11" s="1" t="s">
        <v>71</v>
      </c>
      <c r="P11" s="2" t="s">
        <v>72</v>
      </c>
      <c r="Q11" s="1" t="s">
        <v>73</v>
      </c>
      <c r="R11" s="2" t="s">
        <v>74</v>
      </c>
      <c r="S11" s="1" t="s">
        <v>75</v>
      </c>
      <c r="T11" s="2" t="s">
        <v>76</v>
      </c>
      <c r="U11" s="1" t="s">
        <v>77</v>
      </c>
      <c r="V11" s="2" t="s">
        <v>78</v>
      </c>
      <c r="W11" s="1" t="s">
        <v>79</v>
      </c>
      <c r="X11" s="2" t="s">
        <v>80</v>
      </c>
      <c r="Y11" s="1" t="s">
        <v>81</v>
      </c>
      <c r="Z11" s="2" t="s">
        <v>82</v>
      </c>
      <c r="AA11" s="1" t="s">
        <v>83</v>
      </c>
      <c r="AB11" s="2" t="s">
        <v>84</v>
      </c>
      <c r="AC11" s="1" t="s">
        <v>85</v>
      </c>
      <c r="AD11" s="2" t="s">
        <v>86</v>
      </c>
      <c r="AE11" s="1" t="s">
        <v>87</v>
      </c>
      <c r="AF11" s="2" t="s">
        <v>88</v>
      </c>
      <c r="AG11" s="1" t="s">
        <v>89</v>
      </c>
      <c r="AH11" s="2" t="s">
        <v>90</v>
      </c>
      <c r="AI11" s="1" t="s">
        <v>91</v>
      </c>
      <c r="AJ11" s="2" t="s">
        <v>92</v>
      </c>
      <c r="AK11" s="1" t="s">
        <v>93</v>
      </c>
    </row>
    <row r="12" spans="1:37" x14ac:dyDescent="0.4">
      <c r="A12" s="1" t="s">
        <v>57</v>
      </c>
      <c r="B12" s="2" t="s">
        <v>58</v>
      </c>
      <c r="C12" s="1" t="s">
        <v>59</v>
      </c>
      <c r="D12" s="2" t="s">
        <v>60</v>
      </c>
      <c r="E12" s="1" t="s">
        <v>61</v>
      </c>
      <c r="F12" s="2" t="s">
        <v>62</v>
      </c>
      <c r="G12" s="1" t="s">
        <v>63</v>
      </c>
      <c r="H12" s="2" t="s">
        <v>64</v>
      </c>
      <c r="I12" s="1" t="s">
        <v>65</v>
      </c>
      <c r="J12" s="2" t="s">
        <v>66</v>
      </c>
      <c r="K12" s="1" t="s">
        <v>67</v>
      </c>
      <c r="L12" s="2" t="s">
        <v>68</v>
      </c>
      <c r="M12" s="1" t="s">
        <v>69</v>
      </c>
      <c r="N12" s="2" t="s">
        <v>70</v>
      </c>
      <c r="O12" s="1" t="s">
        <v>71</v>
      </c>
      <c r="P12" s="2" t="s">
        <v>72</v>
      </c>
      <c r="Q12" s="1" t="s">
        <v>73</v>
      </c>
      <c r="R12" s="2" t="s">
        <v>74</v>
      </c>
      <c r="S12" s="1" t="s">
        <v>75</v>
      </c>
      <c r="T12" s="2" t="s">
        <v>76</v>
      </c>
      <c r="U12" s="1" t="s">
        <v>77</v>
      </c>
      <c r="V12" s="2" t="s">
        <v>78</v>
      </c>
      <c r="W12" s="1" t="s">
        <v>79</v>
      </c>
      <c r="X12" s="2" t="s">
        <v>80</v>
      </c>
      <c r="Y12" s="1" t="s">
        <v>81</v>
      </c>
      <c r="Z12" s="2" t="s">
        <v>82</v>
      </c>
      <c r="AA12" s="1" t="s">
        <v>83</v>
      </c>
      <c r="AB12" s="2" t="s">
        <v>84</v>
      </c>
      <c r="AC12" s="1" t="s">
        <v>85</v>
      </c>
      <c r="AD12" s="2" t="s">
        <v>86</v>
      </c>
      <c r="AE12" s="1" t="s">
        <v>87</v>
      </c>
      <c r="AF12" s="2" t="s">
        <v>88</v>
      </c>
      <c r="AG12" s="1" t="s">
        <v>89</v>
      </c>
      <c r="AH12" s="2" t="s">
        <v>90</v>
      </c>
      <c r="AI12" s="1" t="s">
        <v>91</v>
      </c>
      <c r="AJ12" s="2" t="s">
        <v>92</v>
      </c>
      <c r="AK12" s="1" t="s">
        <v>93</v>
      </c>
    </row>
    <row r="13" spans="1:37" x14ac:dyDescent="0.4">
      <c r="A13" s="1" t="s">
        <v>57</v>
      </c>
      <c r="B13" s="2" t="s">
        <v>58</v>
      </c>
      <c r="C13" s="1" t="s">
        <v>59</v>
      </c>
      <c r="D13" s="2" t="s">
        <v>60</v>
      </c>
      <c r="E13" s="1" t="s">
        <v>61</v>
      </c>
      <c r="F13" s="2" t="s">
        <v>62</v>
      </c>
      <c r="G13" s="1" t="s">
        <v>63</v>
      </c>
      <c r="H13" s="2" t="s">
        <v>64</v>
      </c>
      <c r="I13" s="1" t="s">
        <v>65</v>
      </c>
      <c r="J13" s="2" t="s">
        <v>66</v>
      </c>
      <c r="K13" s="1" t="s">
        <v>67</v>
      </c>
      <c r="L13" s="2" t="s">
        <v>68</v>
      </c>
      <c r="M13" s="1" t="s">
        <v>69</v>
      </c>
      <c r="N13" s="2" t="s">
        <v>70</v>
      </c>
      <c r="O13" s="1" t="s">
        <v>71</v>
      </c>
      <c r="P13" s="2" t="s">
        <v>72</v>
      </c>
      <c r="Q13" s="1" t="s">
        <v>73</v>
      </c>
      <c r="R13" s="2" t="s">
        <v>74</v>
      </c>
      <c r="S13" s="1" t="s">
        <v>75</v>
      </c>
      <c r="T13" s="2" t="s">
        <v>76</v>
      </c>
      <c r="U13" s="1" t="s">
        <v>77</v>
      </c>
      <c r="V13" s="2" t="s">
        <v>78</v>
      </c>
      <c r="W13" s="1" t="s">
        <v>79</v>
      </c>
      <c r="X13" s="2" t="s">
        <v>80</v>
      </c>
      <c r="Y13" s="1" t="s">
        <v>81</v>
      </c>
      <c r="Z13" s="2" t="s">
        <v>82</v>
      </c>
      <c r="AA13" s="1" t="s">
        <v>83</v>
      </c>
      <c r="AB13" s="2" t="s">
        <v>84</v>
      </c>
      <c r="AC13" s="1" t="s">
        <v>85</v>
      </c>
      <c r="AD13" s="2" t="s">
        <v>86</v>
      </c>
      <c r="AE13" s="1" t="s">
        <v>87</v>
      </c>
      <c r="AF13" s="2" t="s">
        <v>88</v>
      </c>
      <c r="AG13" s="1" t="s">
        <v>89</v>
      </c>
      <c r="AH13" s="2" t="s">
        <v>90</v>
      </c>
      <c r="AI13" s="1" t="s">
        <v>91</v>
      </c>
      <c r="AJ13" s="2" t="s">
        <v>92</v>
      </c>
      <c r="AK13" s="1" t="s">
        <v>93</v>
      </c>
    </row>
    <row r="14" spans="1:37" x14ac:dyDescent="0.4">
      <c r="A14" s="1" t="s">
        <v>57</v>
      </c>
      <c r="B14" s="2" t="s">
        <v>58</v>
      </c>
      <c r="C14" s="1" t="s">
        <v>59</v>
      </c>
      <c r="D14" s="2" t="s">
        <v>60</v>
      </c>
      <c r="E14" s="1" t="s">
        <v>61</v>
      </c>
      <c r="F14" s="2" t="s">
        <v>62</v>
      </c>
      <c r="G14" s="1" t="s">
        <v>63</v>
      </c>
      <c r="H14" s="2" t="s">
        <v>64</v>
      </c>
      <c r="I14" s="1" t="s">
        <v>65</v>
      </c>
      <c r="J14" s="2" t="s">
        <v>66</v>
      </c>
      <c r="K14" s="1" t="s">
        <v>67</v>
      </c>
      <c r="L14" s="2" t="s">
        <v>68</v>
      </c>
      <c r="M14" s="1" t="s">
        <v>69</v>
      </c>
      <c r="N14" s="2" t="s">
        <v>70</v>
      </c>
      <c r="O14" s="1" t="s">
        <v>71</v>
      </c>
      <c r="P14" s="2" t="s">
        <v>72</v>
      </c>
      <c r="Q14" s="1" t="s">
        <v>73</v>
      </c>
      <c r="R14" s="2" t="s">
        <v>74</v>
      </c>
      <c r="S14" s="1" t="s">
        <v>75</v>
      </c>
      <c r="T14" s="2" t="s">
        <v>76</v>
      </c>
      <c r="U14" s="1" t="s">
        <v>77</v>
      </c>
      <c r="V14" s="2" t="s">
        <v>78</v>
      </c>
      <c r="W14" s="1" t="s">
        <v>79</v>
      </c>
      <c r="X14" s="2" t="s">
        <v>80</v>
      </c>
      <c r="Y14" s="1" t="s">
        <v>81</v>
      </c>
      <c r="Z14" s="2" t="s">
        <v>82</v>
      </c>
      <c r="AA14" s="1" t="s">
        <v>83</v>
      </c>
      <c r="AB14" s="2" t="s">
        <v>84</v>
      </c>
      <c r="AC14" s="1" t="s">
        <v>85</v>
      </c>
      <c r="AD14" s="2" t="s">
        <v>86</v>
      </c>
      <c r="AE14" s="1" t="s">
        <v>87</v>
      </c>
      <c r="AF14" s="2" t="s">
        <v>88</v>
      </c>
      <c r="AG14" s="1" t="s">
        <v>89</v>
      </c>
      <c r="AH14" s="2" t="s">
        <v>90</v>
      </c>
      <c r="AI14" s="1" t="s">
        <v>91</v>
      </c>
      <c r="AJ14" s="2" t="s">
        <v>92</v>
      </c>
      <c r="AK14" s="1" t="s">
        <v>93</v>
      </c>
    </row>
    <row r="15" spans="1:37" x14ac:dyDescent="0.4">
      <c r="A15" s="1" t="s">
        <v>57</v>
      </c>
      <c r="B15" s="2" t="s">
        <v>58</v>
      </c>
      <c r="C15" s="1" t="s">
        <v>59</v>
      </c>
      <c r="D15" s="2" t="s">
        <v>60</v>
      </c>
      <c r="E15" s="1" t="s">
        <v>61</v>
      </c>
      <c r="F15" s="2" t="s">
        <v>62</v>
      </c>
      <c r="G15" s="1" t="s">
        <v>63</v>
      </c>
      <c r="H15" s="2" t="s">
        <v>64</v>
      </c>
      <c r="I15" s="1" t="s">
        <v>65</v>
      </c>
      <c r="J15" s="2" t="s">
        <v>66</v>
      </c>
      <c r="K15" s="1" t="s">
        <v>67</v>
      </c>
      <c r="L15" s="2" t="s">
        <v>68</v>
      </c>
      <c r="M15" s="1" t="s">
        <v>69</v>
      </c>
      <c r="N15" s="2" t="s">
        <v>70</v>
      </c>
      <c r="O15" s="1" t="s">
        <v>71</v>
      </c>
      <c r="P15" s="2" t="s">
        <v>72</v>
      </c>
      <c r="Q15" s="1" t="s">
        <v>73</v>
      </c>
      <c r="R15" s="2" t="s">
        <v>74</v>
      </c>
      <c r="S15" s="1" t="s">
        <v>75</v>
      </c>
      <c r="T15" s="2" t="s">
        <v>76</v>
      </c>
      <c r="U15" s="1" t="s">
        <v>77</v>
      </c>
      <c r="V15" s="2" t="s">
        <v>78</v>
      </c>
      <c r="W15" s="1" t="s">
        <v>79</v>
      </c>
      <c r="X15" s="2" t="s">
        <v>80</v>
      </c>
      <c r="Y15" s="1" t="s">
        <v>81</v>
      </c>
      <c r="Z15" s="2" t="s">
        <v>82</v>
      </c>
      <c r="AA15" s="1" t="s">
        <v>83</v>
      </c>
      <c r="AB15" s="2" t="s">
        <v>84</v>
      </c>
      <c r="AC15" s="1" t="s">
        <v>85</v>
      </c>
      <c r="AD15" s="2" t="s">
        <v>86</v>
      </c>
      <c r="AE15" s="1" t="s">
        <v>87</v>
      </c>
      <c r="AF15" s="2" t="s">
        <v>88</v>
      </c>
      <c r="AG15" s="1" t="s">
        <v>89</v>
      </c>
      <c r="AH15" s="2" t="s">
        <v>90</v>
      </c>
      <c r="AI15" s="1" t="s">
        <v>91</v>
      </c>
      <c r="AJ15" s="2" t="s">
        <v>92</v>
      </c>
      <c r="AK15" s="1" t="s">
        <v>93</v>
      </c>
    </row>
    <row r="16" spans="1:37" x14ac:dyDescent="0.4">
      <c r="A16" s="1" t="s">
        <v>57</v>
      </c>
      <c r="B16" s="2" t="s">
        <v>58</v>
      </c>
      <c r="C16" s="1" t="s">
        <v>59</v>
      </c>
      <c r="D16" s="2" t="s">
        <v>60</v>
      </c>
      <c r="E16" s="1" t="s">
        <v>61</v>
      </c>
      <c r="F16" s="2" t="s">
        <v>62</v>
      </c>
      <c r="G16" s="1" t="s">
        <v>63</v>
      </c>
      <c r="H16" s="2" t="s">
        <v>64</v>
      </c>
      <c r="I16" s="1" t="s">
        <v>65</v>
      </c>
      <c r="J16" s="2" t="s">
        <v>66</v>
      </c>
      <c r="K16" s="1" t="s">
        <v>67</v>
      </c>
      <c r="L16" s="2" t="s">
        <v>68</v>
      </c>
      <c r="M16" s="1" t="s">
        <v>69</v>
      </c>
      <c r="N16" s="2" t="s">
        <v>70</v>
      </c>
      <c r="O16" s="1" t="s">
        <v>71</v>
      </c>
      <c r="P16" s="2" t="s">
        <v>72</v>
      </c>
      <c r="Q16" s="1" t="s">
        <v>73</v>
      </c>
      <c r="R16" s="2" t="s">
        <v>74</v>
      </c>
      <c r="S16" s="1" t="s">
        <v>75</v>
      </c>
      <c r="T16" s="2" t="s">
        <v>76</v>
      </c>
      <c r="U16" s="1" t="s">
        <v>77</v>
      </c>
      <c r="V16" s="2" t="s">
        <v>78</v>
      </c>
      <c r="W16" s="1" t="s">
        <v>79</v>
      </c>
      <c r="X16" s="2" t="s">
        <v>80</v>
      </c>
      <c r="Y16" s="1" t="s">
        <v>81</v>
      </c>
      <c r="Z16" s="2" t="s">
        <v>82</v>
      </c>
      <c r="AA16" s="1" t="s">
        <v>83</v>
      </c>
      <c r="AB16" s="2" t="s">
        <v>84</v>
      </c>
      <c r="AC16" s="1" t="s">
        <v>85</v>
      </c>
      <c r="AD16" s="2" t="s">
        <v>86</v>
      </c>
      <c r="AE16" s="1" t="s">
        <v>87</v>
      </c>
      <c r="AF16" s="2" t="s">
        <v>88</v>
      </c>
      <c r="AG16" s="1" t="s">
        <v>89</v>
      </c>
      <c r="AH16" s="2" t="s">
        <v>90</v>
      </c>
      <c r="AI16" s="1" t="s">
        <v>91</v>
      </c>
      <c r="AJ16" s="2" t="s">
        <v>92</v>
      </c>
      <c r="AK16" s="1" t="s">
        <v>93</v>
      </c>
    </row>
    <row r="17" spans="1:37" x14ac:dyDescent="0.4">
      <c r="A17" s="1" t="s">
        <v>57</v>
      </c>
      <c r="B17" s="2" t="s">
        <v>58</v>
      </c>
      <c r="C17" s="1" t="s">
        <v>59</v>
      </c>
      <c r="D17" s="2" t="s">
        <v>60</v>
      </c>
      <c r="E17" s="1" t="s">
        <v>61</v>
      </c>
      <c r="F17" s="2" t="s">
        <v>62</v>
      </c>
      <c r="G17" s="1" t="s">
        <v>63</v>
      </c>
      <c r="H17" s="2" t="s">
        <v>64</v>
      </c>
      <c r="I17" s="1" t="s">
        <v>65</v>
      </c>
      <c r="J17" s="2" t="s">
        <v>66</v>
      </c>
      <c r="K17" s="1" t="s">
        <v>67</v>
      </c>
      <c r="L17" s="2" t="s">
        <v>68</v>
      </c>
      <c r="M17" s="1" t="s">
        <v>69</v>
      </c>
      <c r="N17" s="2" t="s">
        <v>70</v>
      </c>
      <c r="O17" s="1" t="s">
        <v>71</v>
      </c>
      <c r="P17" s="2" t="s">
        <v>72</v>
      </c>
      <c r="Q17" s="1" t="s">
        <v>73</v>
      </c>
      <c r="R17" s="2" t="s">
        <v>74</v>
      </c>
      <c r="S17" s="1" t="s">
        <v>75</v>
      </c>
      <c r="T17" s="2" t="s">
        <v>76</v>
      </c>
      <c r="U17" s="1" t="s">
        <v>77</v>
      </c>
      <c r="V17" s="2" t="s">
        <v>78</v>
      </c>
      <c r="W17" s="1" t="s">
        <v>79</v>
      </c>
      <c r="X17" s="2" t="s">
        <v>80</v>
      </c>
      <c r="Y17" s="1" t="s">
        <v>81</v>
      </c>
      <c r="Z17" s="2" t="s">
        <v>82</v>
      </c>
      <c r="AA17" s="1" t="s">
        <v>83</v>
      </c>
      <c r="AB17" s="2" t="s">
        <v>84</v>
      </c>
      <c r="AC17" s="1" t="s">
        <v>85</v>
      </c>
      <c r="AD17" s="2" t="s">
        <v>86</v>
      </c>
      <c r="AE17" s="1" t="s">
        <v>87</v>
      </c>
      <c r="AF17" s="2" t="s">
        <v>88</v>
      </c>
      <c r="AG17" s="1" t="s">
        <v>89</v>
      </c>
      <c r="AH17" s="2" t="s">
        <v>90</v>
      </c>
      <c r="AI17" s="1" t="s">
        <v>91</v>
      </c>
      <c r="AJ17" s="2" t="s">
        <v>92</v>
      </c>
      <c r="AK17" s="1" t="s">
        <v>93</v>
      </c>
    </row>
    <row r="18" spans="1:37" x14ac:dyDescent="0.4">
      <c r="A18" s="1" t="s">
        <v>57</v>
      </c>
      <c r="B18" s="2" t="s">
        <v>58</v>
      </c>
      <c r="C18" s="1" t="s">
        <v>59</v>
      </c>
      <c r="D18" s="2" t="s">
        <v>60</v>
      </c>
      <c r="E18" s="1" t="s">
        <v>61</v>
      </c>
      <c r="F18" s="2" t="s">
        <v>62</v>
      </c>
      <c r="G18" s="1" t="s">
        <v>63</v>
      </c>
      <c r="H18" s="2" t="s">
        <v>64</v>
      </c>
      <c r="I18" s="1" t="s">
        <v>65</v>
      </c>
      <c r="J18" s="2" t="s">
        <v>66</v>
      </c>
      <c r="K18" s="1" t="s">
        <v>67</v>
      </c>
      <c r="L18" s="2" t="s">
        <v>68</v>
      </c>
      <c r="M18" s="1" t="s">
        <v>69</v>
      </c>
      <c r="N18" s="2" t="s">
        <v>70</v>
      </c>
      <c r="O18" s="1" t="s">
        <v>71</v>
      </c>
      <c r="P18" s="2" t="s">
        <v>72</v>
      </c>
      <c r="Q18" s="1" t="s">
        <v>73</v>
      </c>
      <c r="R18" s="2" t="s">
        <v>74</v>
      </c>
      <c r="S18" s="1" t="s">
        <v>75</v>
      </c>
      <c r="T18" s="2" t="s">
        <v>76</v>
      </c>
      <c r="U18" s="1" t="s">
        <v>77</v>
      </c>
      <c r="V18" s="2" t="s">
        <v>78</v>
      </c>
      <c r="W18" s="1" t="s">
        <v>79</v>
      </c>
      <c r="X18" s="2" t="s">
        <v>80</v>
      </c>
      <c r="Y18" s="1" t="s">
        <v>81</v>
      </c>
      <c r="Z18" s="2" t="s">
        <v>82</v>
      </c>
      <c r="AA18" s="1" t="s">
        <v>83</v>
      </c>
      <c r="AB18" s="2" t="s">
        <v>84</v>
      </c>
      <c r="AC18" s="1" t="s">
        <v>85</v>
      </c>
      <c r="AD18" s="2" t="s">
        <v>86</v>
      </c>
      <c r="AE18" s="1" t="s">
        <v>87</v>
      </c>
      <c r="AF18" s="2" t="s">
        <v>88</v>
      </c>
      <c r="AG18" s="1" t="s">
        <v>89</v>
      </c>
      <c r="AH18" s="2" t="s">
        <v>90</v>
      </c>
      <c r="AI18" s="1" t="s">
        <v>91</v>
      </c>
      <c r="AJ18" s="2" t="s">
        <v>92</v>
      </c>
      <c r="AK18" s="1" t="s">
        <v>93</v>
      </c>
    </row>
    <row r="19" spans="1:37" x14ac:dyDescent="0.4">
      <c r="A19" s="1" t="s">
        <v>57</v>
      </c>
      <c r="B19" s="2" t="s">
        <v>58</v>
      </c>
      <c r="C19" s="1" t="s">
        <v>59</v>
      </c>
      <c r="D19" s="2" t="s">
        <v>60</v>
      </c>
      <c r="E19" s="1" t="s">
        <v>61</v>
      </c>
      <c r="F19" s="2" t="s">
        <v>62</v>
      </c>
      <c r="G19" s="1" t="s">
        <v>63</v>
      </c>
      <c r="H19" s="2" t="s">
        <v>64</v>
      </c>
      <c r="I19" s="1" t="s">
        <v>65</v>
      </c>
      <c r="J19" s="2" t="s">
        <v>66</v>
      </c>
      <c r="K19" s="1" t="s">
        <v>67</v>
      </c>
      <c r="L19" s="2" t="s">
        <v>68</v>
      </c>
      <c r="M19" s="1" t="s">
        <v>69</v>
      </c>
      <c r="N19" s="2" t="s">
        <v>70</v>
      </c>
      <c r="O19" s="1" t="s">
        <v>71</v>
      </c>
      <c r="P19" s="2" t="s">
        <v>72</v>
      </c>
      <c r="Q19" s="1" t="s">
        <v>73</v>
      </c>
      <c r="R19" s="2" t="s">
        <v>74</v>
      </c>
      <c r="S19" s="1" t="s">
        <v>75</v>
      </c>
      <c r="T19" s="2" t="s">
        <v>76</v>
      </c>
      <c r="U19" s="1" t="s">
        <v>77</v>
      </c>
      <c r="V19" s="2" t="s">
        <v>78</v>
      </c>
      <c r="W19" s="1" t="s">
        <v>79</v>
      </c>
      <c r="X19" s="2" t="s">
        <v>80</v>
      </c>
      <c r="Y19" s="1" t="s">
        <v>81</v>
      </c>
      <c r="Z19" s="2" t="s">
        <v>82</v>
      </c>
      <c r="AA19" s="1" t="s">
        <v>83</v>
      </c>
      <c r="AB19" s="2" t="s">
        <v>84</v>
      </c>
      <c r="AC19" s="1" t="s">
        <v>85</v>
      </c>
      <c r="AD19" s="2" t="s">
        <v>86</v>
      </c>
      <c r="AE19" s="1" t="s">
        <v>87</v>
      </c>
      <c r="AF19" s="2" t="s">
        <v>88</v>
      </c>
      <c r="AG19" s="1" t="s">
        <v>89</v>
      </c>
      <c r="AH19" s="2" t="s">
        <v>90</v>
      </c>
      <c r="AI19" s="1" t="s">
        <v>91</v>
      </c>
      <c r="AJ19" s="2" t="s">
        <v>92</v>
      </c>
      <c r="AK19" s="1" t="s">
        <v>93</v>
      </c>
    </row>
    <row r="20" spans="1:37" x14ac:dyDescent="0.4">
      <c r="A20" s="1" t="s">
        <v>57</v>
      </c>
      <c r="B20" s="2" t="s">
        <v>58</v>
      </c>
      <c r="C20" s="1" t="s">
        <v>59</v>
      </c>
      <c r="D20" s="2" t="s">
        <v>60</v>
      </c>
      <c r="E20" s="1" t="s">
        <v>61</v>
      </c>
      <c r="F20" s="2" t="s">
        <v>62</v>
      </c>
      <c r="G20" s="1" t="s">
        <v>63</v>
      </c>
      <c r="H20" s="2" t="s">
        <v>64</v>
      </c>
      <c r="I20" s="1" t="s">
        <v>65</v>
      </c>
      <c r="J20" s="2" t="s">
        <v>66</v>
      </c>
      <c r="K20" s="1" t="s">
        <v>67</v>
      </c>
      <c r="L20" s="2" t="s">
        <v>68</v>
      </c>
      <c r="M20" s="1" t="s">
        <v>69</v>
      </c>
      <c r="N20" s="2" t="s">
        <v>70</v>
      </c>
      <c r="O20" s="1" t="s">
        <v>71</v>
      </c>
      <c r="P20" s="2" t="s">
        <v>72</v>
      </c>
      <c r="Q20" s="1" t="s">
        <v>73</v>
      </c>
      <c r="R20" s="2" t="s">
        <v>74</v>
      </c>
      <c r="S20" s="1" t="s">
        <v>75</v>
      </c>
      <c r="T20" s="2" t="s">
        <v>76</v>
      </c>
      <c r="U20" s="1" t="s">
        <v>77</v>
      </c>
      <c r="V20" s="2" t="s">
        <v>78</v>
      </c>
      <c r="W20" s="1" t="s">
        <v>79</v>
      </c>
      <c r="X20" s="2" t="s">
        <v>80</v>
      </c>
      <c r="Y20" s="1" t="s">
        <v>81</v>
      </c>
      <c r="Z20" s="2" t="s">
        <v>82</v>
      </c>
      <c r="AA20" s="1" t="s">
        <v>83</v>
      </c>
      <c r="AB20" s="2" t="s">
        <v>84</v>
      </c>
      <c r="AC20" s="1" t="s">
        <v>85</v>
      </c>
      <c r="AD20" s="2" t="s">
        <v>86</v>
      </c>
      <c r="AE20" s="1" t="s">
        <v>87</v>
      </c>
      <c r="AF20" s="2" t="s">
        <v>88</v>
      </c>
      <c r="AG20" s="1" t="s">
        <v>89</v>
      </c>
      <c r="AH20" s="2" t="s">
        <v>90</v>
      </c>
      <c r="AI20" s="1" t="s">
        <v>91</v>
      </c>
      <c r="AJ20" s="2" t="s">
        <v>92</v>
      </c>
      <c r="AK20" s="1" t="s">
        <v>93</v>
      </c>
    </row>
    <row r="21" spans="1:37" x14ac:dyDescent="0.4">
      <c r="A21" s="1" t="s">
        <v>57</v>
      </c>
      <c r="B21" s="2" t="s">
        <v>58</v>
      </c>
      <c r="C21" s="1" t="s">
        <v>59</v>
      </c>
      <c r="D21" s="2" t="s">
        <v>60</v>
      </c>
      <c r="E21" s="1" t="s">
        <v>61</v>
      </c>
      <c r="F21" s="2" t="s">
        <v>62</v>
      </c>
      <c r="G21" s="1" t="s">
        <v>63</v>
      </c>
      <c r="H21" s="2" t="s">
        <v>64</v>
      </c>
      <c r="I21" s="1" t="s">
        <v>65</v>
      </c>
      <c r="J21" s="2" t="s">
        <v>66</v>
      </c>
      <c r="K21" s="1" t="s">
        <v>67</v>
      </c>
      <c r="L21" s="2" t="s">
        <v>68</v>
      </c>
      <c r="M21" s="1" t="s">
        <v>69</v>
      </c>
      <c r="N21" s="2" t="s">
        <v>70</v>
      </c>
      <c r="O21" s="1" t="s">
        <v>71</v>
      </c>
      <c r="P21" s="2" t="s">
        <v>72</v>
      </c>
      <c r="Q21" s="1" t="s">
        <v>73</v>
      </c>
      <c r="R21" s="2" t="s">
        <v>74</v>
      </c>
      <c r="S21" s="1" t="s">
        <v>75</v>
      </c>
      <c r="T21" s="2" t="s">
        <v>76</v>
      </c>
      <c r="U21" s="1" t="s">
        <v>77</v>
      </c>
      <c r="V21" s="2" t="s">
        <v>78</v>
      </c>
      <c r="W21" s="1" t="s">
        <v>79</v>
      </c>
      <c r="X21" s="2" t="s">
        <v>80</v>
      </c>
      <c r="Y21" s="1" t="s">
        <v>81</v>
      </c>
      <c r="Z21" s="2" t="s">
        <v>82</v>
      </c>
      <c r="AA21" s="1" t="s">
        <v>83</v>
      </c>
      <c r="AB21" s="2" t="s">
        <v>84</v>
      </c>
      <c r="AC21" s="1" t="s">
        <v>85</v>
      </c>
      <c r="AD21" s="2" t="s">
        <v>86</v>
      </c>
      <c r="AE21" s="1" t="s">
        <v>87</v>
      </c>
      <c r="AF21" s="2" t="s">
        <v>88</v>
      </c>
      <c r="AG21" s="1" t="s">
        <v>89</v>
      </c>
      <c r="AH21" s="2" t="s">
        <v>90</v>
      </c>
      <c r="AI21" s="1" t="s">
        <v>91</v>
      </c>
      <c r="AJ21" s="2" t="s">
        <v>92</v>
      </c>
      <c r="AK21" s="1" t="s">
        <v>93</v>
      </c>
    </row>
    <row r="22" spans="1:37" x14ac:dyDescent="0.4">
      <c r="A22" s="1" t="s">
        <v>57</v>
      </c>
      <c r="B22" s="2" t="s">
        <v>58</v>
      </c>
      <c r="C22" s="1" t="s">
        <v>59</v>
      </c>
      <c r="D22" s="2" t="s">
        <v>60</v>
      </c>
      <c r="E22" s="1" t="s">
        <v>61</v>
      </c>
      <c r="F22" s="2" t="s">
        <v>62</v>
      </c>
      <c r="G22" s="1" t="s">
        <v>63</v>
      </c>
      <c r="H22" s="2" t="s">
        <v>64</v>
      </c>
      <c r="I22" s="1" t="s">
        <v>65</v>
      </c>
      <c r="J22" s="2" t="s">
        <v>66</v>
      </c>
      <c r="K22" s="1" t="s">
        <v>67</v>
      </c>
      <c r="L22" s="2" t="s">
        <v>68</v>
      </c>
      <c r="M22" s="1" t="s">
        <v>69</v>
      </c>
      <c r="N22" s="2" t="s">
        <v>70</v>
      </c>
      <c r="O22" s="1" t="s">
        <v>71</v>
      </c>
      <c r="P22" s="2" t="s">
        <v>72</v>
      </c>
      <c r="Q22" s="1" t="s">
        <v>73</v>
      </c>
      <c r="R22" s="2" t="s">
        <v>74</v>
      </c>
      <c r="S22" s="1" t="s">
        <v>75</v>
      </c>
      <c r="T22" s="2" t="s">
        <v>76</v>
      </c>
      <c r="U22" s="1" t="s">
        <v>77</v>
      </c>
      <c r="V22" s="2" t="s">
        <v>78</v>
      </c>
      <c r="W22" s="1" t="s">
        <v>79</v>
      </c>
      <c r="X22" s="2" t="s">
        <v>80</v>
      </c>
      <c r="Y22" s="1" t="s">
        <v>81</v>
      </c>
      <c r="Z22" s="2" t="s">
        <v>82</v>
      </c>
      <c r="AA22" s="1" t="s">
        <v>83</v>
      </c>
      <c r="AB22" s="2" t="s">
        <v>84</v>
      </c>
      <c r="AC22" s="1" t="s">
        <v>85</v>
      </c>
      <c r="AD22" s="2" t="s">
        <v>86</v>
      </c>
      <c r="AE22" s="1" t="s">
        <v>87</v>
      </c>
      <c r="AF22" s="2" t="s">
        <v>88</v>
      </c>
      <c r="AG22" s="1" t="s">
        <v>89</v>
      </c>
      <c r="AH22" s="2" t="s">
        <v>90</v>
      </c>
      <c r="AI22" s="1" t="s">
        <v>91</v>
      </c>
      <c r="AJ22" s="2" t="s">
        <v>92</v>
      </c>
      <c r="AK22" s="1" t="s">
        <v>93</v>
      </c>
    </row>
    <row r="23" spans="1:37" x14ac:dyDescent="0.4">
      <c r="A23" s="1" t="s">
        <v>57</v>
      </c>
      <c r="B23" s="2" t="s">
        <v>58</v>
      </c>
      <c r="C23" s="1" t="s">
        <v>59</v>
      </c>
      <c r="D23" s="2" t="s">
        <v>60</v>
      </c>
      <c r="E23" s="1" t="s">
        <v>61</v>
      </c>
      <c r="F23" s="2" t="s">
        <v>62</v>
      </c>
      <c r="G23" s="1" t="s">
        <v>63</v>
      </c>
      <c r="H23" s="2" t="s">
        <v>64</v>
      </c>
      <c r="I23" s="1" t="s">
        <v>65</v>
      </c>
      <c r="J23" s="2" t="s">
        <v>66</v>
      </c>
      <c r="K23" s="1" t="s">
        <v>67</v>
      </c>
      <c r="L23" s="2" t="s">
        <v>68</v>
      </c>
      <c r="M23" s="1" t="s">
        <v>69</v>
      </c>
      <c r="N23" s="2" t="s">
        <v>70</v>
      </c>
      <c r="O23" s="1" t="s">
        <v>71</v>
      </c>
      <c r="P23" s="2" t="s">
        <v>72</v>
      </c>
      <c r="Q23" s="1" t="s">
        <v>73</v>
      </c>
      <c r="R23" s="2" t="s">
        <v>74</v>
      </c>
      <c r="S23" s="1" t="s">
        <v>75</v>
      </c>
      <c r="T23" s="2" t="s">
        <v>76</v>
      </c>
      <c r="U23" s="1" t="s">
        <v>77</v>
      </c>
      <c r="V23" s="2" t="s">
        <v>78</v>
      </c>
      <c r="W23" s="1" t="s">
        <v>79</v>
      </c>
      <c r="X23" s="2" t="s">
        <v>80</v>
      </c>
      <c r="Y23" s="1" t="s">
        <v>81</v>
      </c>
      <c r="Z23" s="2" t="s">
        <v>82</v>
      </c>
      <c r="AA23" s="1" t="s">
        <v>83</v>
      </c>
      <c r="AB23" s="2" t="s">
        <v>84</v>
      </c>
      <c r="AC23" s="1" t="s">
        <v>85</v>
      </c>
      <c r="AD23" s="2" t="s">
        <v>86</v>
      </c>
      <c r="AE23" s="1" t="s">
        <v>87</v>
      </c>
      <c r="AF23" s="2" t="s">
        <v>88</v>
      </c>
      <c r="AG23" s="1" t="s">
        <v>89</v>
      </c>
      <c r="AH23" s="2" t="s">
        <v>90</v>
      </c>
      <c r="AI23" s="1" t="s">
        <v>91</v>
      </c>
      <c r="AJ23" s="2" t="s">
        <v>92</v>
      </c>
      <c r="AK23" s="1" t="s">
        <v>93</v>
      </c>
    </row>
    <row r="24" spans="1:37" x14ac:dyDescent="0.4">
      <c r="A24" s="1" t="s">
        <v>57</v>
      </c>
      <c r="B24" s="2" t="s">
        <v>58</v>
      </c>
      <c r="C24" s="1" t="s">
        <v>59</v>
      </c>
      <c r="D24" s="2" t="s">
        <v>60</v>
      </c>
      <c r="E24" s="1" t="s">
        <v>61</v>
      </c>
      <c r="F24" s="2" t="s">
        <v>62</v>
      </c>
      <c r="G24" s="1" t="s">
        <v>63</v>
      </c>
      <c r="H24" s="2" t="s">
        <v>64</v>
      </c>
      <c r="I24" s="1" t="s">
        <v>65</v>
      </c>
      <c r="J24" s="2" t="s">
        <v>66</v>
      </c>
      <c r="K24" s="1" t="s">
        <v>67</v>
      </c>
      <c r="L24" s="2" t="s">
        <v>68</v>
      </c>
      <c r="M24" s="1" t="s">
        <v>69</v>
      </c>
      <c r="N24" s="2" t="s">
        <v>70</v>
      </c>
      <c r="O24" s="1" t="s">
        <v>71</v>
      </c>
      <c r="P24" s="2" t="s">
        <v>72</v>
      </c>
      <c r="Q24" s="1" t="s">
        <v>73</v>
      </c>
      <c r="R24" s="2" t="s">
        <v>74</v>
      </c>
      <c r="S24" s="1" t="s">
        <v>75</v>
      </c>
      <c r="T24" s="2" t="s">
        <v>76</v>
      </c>
      <c r="U24" s="1" t="s">
        <v>77</v>
      </c>
      <c r="V24" s="2" t="s">
        <v>78</v>
      </c>
      <c r="W24" s="1" t="s">
        <v>79</v>
      </c>
      <c r="X24" s="2" t="s">
        <v>80</v>
      </c>
      <c r="Y24" s="1" t="s">
        <v>81</v>
      </c>
      <c r="Z24" s="2" t="s">
        <v>82</v>
      </c>
      <c r="AA24" s="1" t="s">
        <v>83</v>
      </c>
      <c r="AB24" s="2" t="s">
        <v>84</v>
      </c>
      <c r="AC24" s="1" t="s">
        <v>85</v>
      </c>
      <c r="AD24" s="2" t="s">
        <v>86</v>
      </c>
      <c r="AE24" s="1" t="s">
        <v>87</v>
      </c>
      <c r="AF24" s="2" t="s">
        <v>88</v>
      </c>
      <c r="AG24" s="1" t="s">
        <v>89</v>
      </c>
      <c r="AH24" s="2" t="s">
        <v>90</v>
      </c>
      <c r="AI24" s="1" t="s">
        <v>91</v>
      </c>
      <c r="AJ24" s="2" t="s">
        <v>92</v>
      </c>
      <c r="AK24" s="1" t="s">
        <v>93</v>
      </c>
    </row>
    <row r="25" spans="1:37" x14ac:dyDescent="0.4">
      <c r="A25" s="1" t="s">
        <v>57</v>
      </c>
      <c r="B25" s="2" t="s">
        <v>58</v>
      </c>
      <c r="C25" s="1" t="s">
        <v>59</v>
      </c>
      <c r="D25" s="2" t="s">
        <v>60</v>
      </c>
      <c r="E25" s="1" t="s">
        <v>61</v>
      </c>
      <c r="F25" s="2" t="s">
        <v>62</v>
      </c>
      <c r="G25" s="1" t="s">
        <v>63</v>
      </c>
      <c r="H25" s="2" t="s">
        <v>64</v>
      </c>
      <c r="I25" s="1" t="s">
        <v>65</v>
      </c>
      <c r="J25" s="2" t="s">
        <v>66</v>
      </c>
      <c r="K25" s="1" t="s">
        <v>67</v>
      </c>
      <c r="L25" s="2" t="s">
        <v>68</v>
      </c>
      <c r="M25" s="1" t="s">
        <v>69</v>
      </c>
      <c r="N25" s="2" t="s">
        <v>70</v>
      </c>
      <c r="O25" s="1" t="s">
        <v>71</v>
      </c>
      <c r="P25" s="2" t="s">
        <v>72</v>
      </c>
      <c r="Q25" s="1" t="s">
        <v>73</v>
      </c>
      <c r="R25" s="2" t="s">
        <v>74</v>
      </c>
      <c r="S25" s="1" t="s">
        <v>75</v>
      </c>
      <c r="T25" s="2" t="s">
        <v>76</v>
      </c>
      <c r="U25" s="1" t="s">
        <v>77</v>
      </c>
      <c r="V25" s="2" t="s">
        <v>78</v>
      </c>
      <c r="W25" s="1" t="s">
        <v>79</v>
      </c>
      <c r="X25" s="2" t="s">
        <v>80</v>
      </c>
      <c r="Y25" s="1" t="s">
        <v>81</v>
      </c>
      <c r="Z25" s="2" t="s">
        <v>82</v>
      </c>
      <c r="AA25" s="1" t="s">
        <v>83</v>
      </c>
      <c r="AB25" s="2" t="s">
        <v>84</v>
      </c>
      <c r="AC25" s="1" t="s">
        <v>85</v>
      </c>
      <c r="AD25" s="2" t="s">
        <v>86</v>
      </c>
      <c r="AE25" s="1" t="s">
        <v>87</v>
      </c>
      <c r="AF25" s="2" t="s">
        <v>88</v>
      </c>
      <c r="AG25" s="1" t="s">
        <v>89</v>
      </c>
      <c r="AH25" s="2" t="s">
        <v>90</v>
      </c>
      <c r="AI25" s="1" t="s">
        <v>91</v>
      </c>
      <c r="AJ25" s="2" t="s">
        <v>92</v>
      </c>
      <c r="AK25" s="1" t="s">
        <v>93</v>
      </c>
    </row>
    <row r="26" spans="1:37" x14ac:dyDescent="0.4">
      <c r="A26" s="1" t="s">
        <v>57</v>
      </c>
      <c r="B26" s="2" t="s">
        <v>58</v>
      </c>
      <c r="C26" s="1" t="s">
        <v>59</v>
      </c>
      <c r="D26" s="2" t="s">
        <v>60</v>
      </c>
      <c r="E26" s="1" t="s">
        <v>61</v>
      </c>
      <c r="F26" s="2" t="s">
        <v>62</v>
      </c>
      <c r="G26" s="1" t="s">
        <v>63</v>
      </c>
      <c r="H26" s="2" t="s">
        <v>64</v>
      </c>
      <c r="I26" s="1" t="s">
        <v>65</v>
      </c>
      <c r="J26" s="2" t="s">
        <v>66</v>
      </c>
      <c r="K26" s="1" t="s">
        <v>67</v>
      </c>
      <c r="L26" s="2" t="s">
        <v>68</v>
      </c>
      <c r="M26" s="1" t="s">
        <v>69</v>
      </c>
      <c r="N26" s="2" t="s">
        <v>70</v>
      </c>
      <c r="O26" s="1" t="s">
        <v>71</v>
      </c>
      <c r="P26" s="2" t="s">
        <v>72</v>
      </c>
      <c r="Q26" s="1" t="s">
        <v>73</v>
      </c>
      <c r="R26" s="2" t="s">
        <v>74</v>
      </c>
      <c r="S26" s="1" t="s">
        <v>75</v>
      </c>
      <c r="T26" s="2" t="s">
        <v>76</v>
      </c>
      <c r="U26" s="1" t="s">
        <v>77</v>
      </c>
      <c r="V26" s="2" t="s">
        <v>78</v>
      </c>
      <c r="W26" s="1" t="s">
        <v>79</v>
      </c>
      <c r="X26" s="2" t="s">
        <v>80</v>
      </c>
      <c r="Y26" s="1" t="s">
        <v>81</v>
      </c>
      <c r="Z26" s="2" t="s">
        <v>82</v>
      </c>
      <c r="AA26" s="1" t="s">
        <v>83</v>
      </c>
      <c r="AB26" s="2" t="s">
        <v>84</v>
      </c>
      <c r="AC26" s="1" t="s">
        <v>85</v>
      </c>
      <c r="AD26" s="2" t="s">
        <v>86</v>
      </c>
      <c r="AE26" s="1" t="s">
        <v>87</v>
      </c>
      <c r="AF26" s="2" t="s">
        <v>88</v>
      </c>
      <c r="AG26" s="1" t="s">
        <v>89</v>
      </c>
      <c r="AH26" s="2" t="s">
        <v>90</v>
      </c>
      <c r="AI26" s="1" t="s">
        <v>91</v>
      </c>
      <c r="AJ26" s="2" t="s">
        <v>92</v>
      </c>
      <c r="AK26" s="1" t="s">
        <v>93</v>
      </c>
    </row>
    <row r="27" spans="1:37" x14ac:dyDescent="0.4">
      <c r="A27" s="1" t="s">
        <v>57</v>
      </c>
      <c r="B27" s="2" t="s">
        <v>58</v>
      </c>
      <c r="C27" s="1" t="s">
        <v>59</v>
      </c>
      <c r="D27" s="2" t="s">
        <v>60</v>
      </c>
      <c r="E27" s="1" t="s">
        <v>61</v>
      </c>
      <c r="F27" s="2" t="s">
        <v>62</v>
      </c>
      <c r="G27" s="1" t="s">
        <v>63</v>
      </c>
      <c r="H27" s="2" t="s">
        <v>64</v>
      </c>
      <c r="I27" s="1" t="s">
        <v>65</v>
      </c>
      <c r="J27" s="2" t="s">
        <v>66</v>
      </c>
      <c r="K27" s="1" t="s">
        <v>67</v>
      </c>
      <c r="L27" s="2" t="s">
        <v>68</v>
      </c>
      <c r="M27" s="1" t="s">
        <v>69</v>
      </c>
      <c r="N27" s="2" t="s">
        <v>70</v>
      </c>
      <c r="O27" s="1" t="s">
        <v>71</v>
      </c>
      <c r="P27" s="2" t="s">
        <v>72</v>
      </c>
      <c r="Q27" s="1" t="s">
        <v>73</v>
      </c>
      <c r="R27" s="2" t="s">
        <v>74</v>
      </c>
      <c r="S27" s="1" t="s">
        <v>75</v>
      </c>
      <c r="T27" s="2" t="s">
        <v>76</v>
      </c>
      <c r="U27" s="1" t="s">
        <v>77</v>
      </c>
      <c r="V27" s="2" t="s">
        <v>78</v>
      </c>
      <c r="W27" s="1" t="s">
        <v>79</v>
      </c>
      <c r="X27" s="2" t="s">
        <v>80</v>
      </c>
      <c r="Y27" s="1" t="s">
        <v>81</v>
      </c>
      <c r="Z27" s="2" t="s">
        <v>82</v>
      </c>
      <c r="AA27" s="1" t="s">
        <v>83</v>
      </c>
      <c r="AB27" s="2" t="s">
        <v>84</v>
      </c>
      <c r="AC27" s="1" t="s">
        <v>85</v>
      </c>
      <c r="AD27" s="2" t="s">
        <v>86</v>
      </c>
      <c r="AE27" s="1" t="s">
        <v>87</v>
      </c>
      <c r="AF27" s="2" t="s">
        <v>88</v>
      </c>
      <c r="AG27" s="1" t="s">
        <v>89</v>
      </c>
      <c r="AH27" s="2" t="s">
        <v>90</v>
      </c>
      <c r="AI27" s="1" t="s">
        <v>91</v>
      </c>
      <c r="AJ27" s="2" t="s">
        <v>92</v>
      </c>
      <c r="AK27" s="1" t="s">
        <v>93</v>
      </c>
    </row>
    <row r="28" spans="1:37" x14ac:dyDescent="0.4">
      <c r="A28" s="1" t="s">
        <v>57</v>
      </c>
      <c r="B28" s="2" t="s">
        <v>58</v>
      </c>
      <c r="C28" s="1" t="s">
        <v>59</v>
      </c>
      <c r="D28" s="2" t="s">
        <v>60</v>
      </c>
      <c r="E28" s="1" t="s">
        <v>61</v>
      </c>
      <c r="F28" s="2" t="s">
        <v>62</v>
      </c>
      <c r="G28" s="1" t="s">
        <v>63</v>
      </c>
      <c r="H28" s="2" t="s">
        <v>64</v>
      </c>
      <c r="I28" s="1" t="s">
        <v>65</v>
      </c>
      <c r="J28" s="2" t="s">
        <v>66</v>
      </c>
      <c r="K28" s="1" t="s">
        <v>67</v>
      </c>
      <c r="L28" s="2" t="s">
        <v>68</v>
      </c>
      <c r="M28" s="1" t="s">
        <v>69</v>
      </c>
      <c r="N28" s="2" t="s">
        <v>70</v>
      </c>
      <c r="O28" s="1" t="s">
        <v>71</v>
      </c>
      <c r="P28" s="2" t="s">
        <v>72</v>
      </c>
      <c r="Q28" s="1" t="s">
        <v>73</v>
      </c>
      <c r="R28" s="2" t="s">
        <v>74</v>
      </c>
      <c r="S28" s="1" t="s">
        <v>75</v>
      </c>
      <c r="T28" s="2" t="s">
        <v>76</v>
      </c>
      <c r="U28" s="1" t="s">
        <v>77</v>
      </c>
      <c r="V28" s="2" t="s">
        <v>78</v>
      </c>
      <c r="W28" s="1" t="s">
        <v>79</v>
      </c>
      <c r="X28" s="2" t="s">
        <v>80</v>
      </c>
      <c r="Y28" s="1" t="s">
        <v>81</v>
      </c>
      <c r="Z28" s="2" t="s">
        <v>82</v>
      </c>
      <c r="AA28" s="1" t="s">
        <v>83</v>
      </c>
      <c r="AB28" s="2" t="s">
        <v>84</v>
      </c>
      <c r="AC28" s="1" t="s">
        <v>85</v>
      </c>
      <c r="AD28" s="2" t="s">
        <v>86</v>
      </c>
      <c r="AE28" s="1" t="s">
        <v>87</v>
      </c>
      <c r="AF28" s="2" t="s">
        <v>88</v>
      </c>
      <c r="AG28" s="1" t="s">
        <v>89</v>
      </c>
      <c r="AH28" s="2" t="s">
        <v>90</v>
      </c>
      <c r="AI28" s="1" t="s">
        <v>91</v>
      </c>
      <c r="AJ28" s="2" t="s">
        <v>92</v>
      </c>
      <c r="AK28" s="1" t="s">
        <v>93</v>
      </c>
    </row>
    <row r="29" spans="1:37" x14ac:dyDescent="0.4">
      <c r="A29" s="1" t="s">
        <v>57</v>
      </c>
      <c r="B29" s="2" t="s">
        <v>58</v>
      </c>
      <c r="C29" s="1" t="s">
        <v>59</v>
      </c>
      <c r="D29" s="2" t="s">
        <v>60</v>
      </c>
      <c r="E29" s="1" t="s">
        <v>61</v>
      </c>
      <c r="F29" s="2" t="s">
        <v>62</v>
      </c>
      <c r="G29" s="1" t="s">
        <v>63</v>
      </c>
      <c r="H29" s="2" t="s">
        <v>64</v>
      </c>
      <c r="I29" s="1" t="s">
        <v>65</v>
      </c>
      <c r="J29" s="2" t="s">
        <v>66</v>
      </c>
      <c r="K29" s="1" t="s">
        <v>67</v>
      </c>
      <c r="L29" s="2" t="s">
        <v>68</v>
      </c>
      <c r="M29" s="1" t="s">
        <v>69</v>
      </c>
      <c r="N29" s="2" t="s">
        <v>70</v>
      </c>
      <c r="O29" s="1" t="s">
        <v>71</v>
      </c>
      <c r="P29" s="2" t="s">
        <v>72</v>
      </c>
      <c r="Q29" s="1" t="s">
        <v>73</v>
      </c>
      <c r="R29" s="2" t="s">
        <v>74</v>
      </c>
      <c r="S29" s="1" t="s">
        <v>75</v>
      </c>
      <c r="T29" s="2" t="s">
        <v>76</v>
      </c>
      <c r="U29" s="1" t="s">
        <v>77</v>
      </c>
      <c r="V29" s="2" t="s">
        <v>78</v>
      </c>
      <c r="W29" s="1" t="s">
        <v>79</v>
      </c>
      <c r="X29" s="2" t="s">
        <v>80</v>
      </c>
      <c r="Y29" s="1" t="s">
        <v>81</v>
      </c>
      <c r="Z29" s="2" t="s">
        <v>82</v>
      </c>
      <c r="AA29" s="1" t="s">
        <v>83</v>
      </c>
      <c r="AB29" s="2" t="s">
        <v>84</v>
      </c>
      <c r="AC29" s="1" t="s">
        <v>85</v>
      </c>
      <c r="AD29" s="2" t="s">
        <v>86</v>
      </c>
      <c r="AE29" s="1" t="s">
        <v>87</v>
      </c>
      <c r="AF29" s="2" t="s">
        <v>88</v>
      </c>
      <c r="AG29" s="1" t="s">
        <v>89</v>
      </c>
      <c r="AH29" s="2" t="s">
        <v>90</v>
      </c>
      <c r="AI29" s="1" t="s">
        <v>91</v>
      </c>
      <c r="AJ29" s="2" t="s">
        <v>92</v>
      </c>
      <c r="AK29" s="1" t="s">
        <v>93</v>
      </c>
    </row>
    <row r="30" spans="1:37" x14ac:dyDescent="0.4">
      <c r="A30" s="1" t="s">
        <v>57</v>
      </c>
      <c r="B30" s="2" t="s">
        <v>58</v>
      </c>
      <c r="C30" s="1" t="s">
        <v>59</v>
      </c>
      <c r="D30" s="2" t="s">
        <v>60</v>
      </c>
      <c r="E30" s="1" t="s">
        <v>61</v>
      </c>
      <c r="F30" s="2" t="s">
        <v>62</v>
      </c>
      <c r="G30" s="1" t="s">
        <v>63</v>
      </c>
      <c r="H30" s="2" t="s">
        <v>64</v>
      </c>
      <c r="I30" s="1" t="s">
        <v>65</v>
      </c>
      <c r="J30" s="2" t="s">
        <v>66</v>
      </c>
      <c r="K30" s="1" t="s">
        <v>67</v>
      </c>
      <c r="L30" s="2" t="s">
        <v>68</v>
      </c>
      <c r="M30" s="1" t="s">
        <v>69</v>
      </c>
      <c r="N30" s="2" t="s">
        <v>70</v>
      </c>
      <c r="O30" s="1" t="s">
        <v>71</v>
      </c>
      <c r="P30" s="2" t="s">
        <v>72</v>
      </c>
      <c r="Q30" s="1" t="s">
        <v>73</v>
      </c>
      <c r="R30" s="2" t="s">
        <v>74</v>
      </c>
      <c r="S30" s="1" t="s">
        <v>75</v>
      </c>
      <c r="T30" s="2" t="s">
        <v>76</v>
      </c>
      <c r="U30" s="1" t="s">
        <v>77</v>
      </c>
      <c r="V30" s="2" t="s">
        <v>78</v>
      </c>
      <c r="W30" s="1" t="s">
        <v>79</v>
      </c>
      <c r="X30" s="2" t="s">
        <v>80</v>
      </c>
      <c r="Y30" s="1" t="s">
        <v>81</v>
      </c>
      <c r="Z30" s="2" t="s">
        <v>82</v>
      </c>
      <c r="AA30" s="1" t="s">
        <v>83</v>
      </c>
      <c r="AB30" s="2" t="s">
        <v>84</v>
      </c>
      <c r="AC30" s="1" t="s">
        <v>85</v>
      </c>
      <c r="AD30" s="2" t="s">
        <v>86</v>
      </c>
      <c r="AE30" s="1" t="s">
        <v>87</v>
      </c>
      <c r="AF30" s="2" t="s">
        <v>88</v>
      </c>
      <c r="AG30" s="1" t="s">
        <v>89</v>
      </c>
      <c r="AH30" s="2" t="s">
        <v>90</v>
      </c>
      <c r="AI30" s="1" t="s">
        <v>91</v>
      </c>
      <c r="AJ30" s="2" t="s">
        <v>92</v>
      </c>
      <c r="AK30" s="1" t="s">
        <v>93</v>
      </c>
    </row>
    <row r="31" spans="1:37" x14ac:dyDescent="0.4">
      <c r="A31" s="1" t="s">
        <v>57</v>
      </c>
      <c r="B31" s="2" t="s">
        <v>58</v>
      </c>
      <c r="C31" s="1" t="s">
        <v>59</v>
      </c>
      <c r="D31" s="2" t="s">
        <v>60</v>
      </c>
      <c r="E31" s="1" t="s">
        <v>61</v>
      </c>
      <c r="F31" s="2" t="s">
        <v>62</v>
      </c>
      <c r="G31" s="1" t="s">
        <v>63</v>
      </c>
      <c r="H31" s="2" t="s">
        <v>64</v>
      </c>
      <c r="I31" s="1" t="s">
        <v>65</v>
      </c>
      <c r="J31" s="2" t="s">
        <v>66</v>
      </c>
      <c r="K31" s="1" t="s">
        <v>67</v>
      </c>
      <c r="L31" s="2" t="s">
        <v>68</v>
      </c>
      <c r="M31" s="1" t="s">
        <v>69</v>
      </c>
      <c r="N31" s="2" t="s">
        <v>70</v>
      </c>
      <c r="O31" s="1" t="s">
        <v>71</v>
      </c>
      <c r="P31" s="2" t="s">
        <v>72</v>
      </c>
      <c r="Q31" s="1" t="s">
        <v>73</v>
      </c>
      <c r="R31" s="2" t="s">
        <v>74</v>
      </c>
      <c r="S31" s="1" t="s">
        <v>75</v>
      </c>
      <c r="T31" s="2" t="s">
        <v>76</v>
      </c>
      <c r="U31" s="1" t="s">
        <v>77</v>
      </c>
      <c r="V31" s="2" t="s">
        <v>78</v>
      </c>
      <c r="W31" s="1" t="s">
        <v>79</v>
      </c>
      <c r="X31" s="2" t="s">
        <v>80</v>
      </c>
      <c r="Y31" s="1" t="s">
        <v>81</v>
      </c>
      <c r="Z31" s="2" t="s">
        <v>82</v>
      </c>
      <c r="AA31" s="1" t="s">
        <v>83</v>
      </c>
      <c r="AB31" s="2" t="s">
        <v>84</v>
      </c>
      <c r="AC31" s="1" t="s">
        <v>85</v>
      </c>
      <c r="AD31" s="2" t="s">
        <v>86</v>
      </c>
      <c r="AE31" s="1" t="s">
        <v>87</v>
      </c>
      <c r="AF31" s="2" t="s">
        <v>88</v>
      </c>
      <c r="AG31" s="1" t="s">
        <v>89</v>
      </c>
      <c r="AH31" s="2" t="s">
        <v>90</v>
      </c>
      <c r="AI31" s="1" t="s">
        <v>91</v>
      </c>
      <c r="AJ31" s="2" t="s">
        <v>92</v>
      </c>
      <c r="AK31" s="1" t="s">
        <v>93</v>
      </c>
    </row>
    <row r="32" spans="1:37" x14ac:dyDescent="0.4">
      <c r="A32" s="1" t="s">
        <v>57</v>
      </c>
      <c r="B32" s="2" t="s">
        <v>58</v>
      </c>
      <c r="C32" s="1" t="s">
        <v>59</v>
      </c>
      <c r="D32" s="2" t="s">
        <v>60</v>
      </c>
      <c r="E32" s="1" t="s">
        <v>61</v>
      </c>
      <c r="F32" s="2" t="s">
        <v>62</v>
      </c>
      <c r="G32" s="1" t="s">
        <v>63</v>
      </c>
      <c r="H32" s="2" t="s">
        <v>64</v>
      </c>
      <c r="I32" s="1" t="s">
        <v>65</v>
      </c>
      <c r="J32" s="2" t="s">
        <v>66</v>
      </c>
      <c r="K32" s="1" t="s">
        <v>67</v>
      </c>
      <c r="L32" s="2" t="s">
        <v>68</v>
      </c>
      <c r="M32" s="1" t="s">
        <v>69</v>
      </c>
      <c r="N32" s="2" t="s">
        <v>70</v>
      </c>
      <c r="O32" s="1" t="s">
        <v>71</v>
      </c>
      <c r="P32" s="2" t="s">
        <v>72</v>
      </c>
      <c r="Q32" s="1" t="s">
        <v>73</v>
      </c>
      <c r="R32" s="2" t="s">
        <v>74</v>
      </c>
      <c r="S32" s="1" t="s">
        <v>75</v>
      </c>
      <c r="T32" s="2" t="s">
        <v>76</v>
      </c>
      <c r="U32" s="1" t="s">
        <v>77</v>
      </c>
      <c r="V32" s="2" t="s">
        <v>78</v>
      </c>
      <c r="W32" s="1" t="s">
        <v>79</v>
      </c>
      <c r="X32" s="2" t="s">
        <v>80</v>
      </c>
      <c r="Y32" s="1" t="s">
        <v>81</v>
      </c>
      <c r="Z32" s="2" t="s">
        <v>82</v>
      </c>
      <c r="AA32" s="1" t="s">
        <v>83</v>
      </c>
      <c r="AB32" s="2" t="s">
        <v>84</v>
      </c>
      <c r="AC32" s="1" t="s">
        <v>85</v>
      </c>
      <c r="AD32" s="2" t="s">
        <v>86</v>
      </c>
      <c r="AE32" s="1" t="s">
        <v>87</v>
      </c>
      <c r="AF32" s="2" t="s">
        <v>88</v>
      </c>
      <c r="AG32" s="1" t="s">
        <v>89</v>
      </c>
      <c r="AH32" s="2" t="s">
        <v>90</v>
      </c>
      <c r="AI32" s="1" t="s">
        <v>91</v>
      </c>
      <c r="AJ32" s="2" t="s">
        <v>92</v>
      </c>
      <c r="AK32" s="1" t="s">
        <v>93</v>
      </c>
    </row>
    <row r="33" spans="1:37" x14ac:dyDescent="0.4">
      <c r="A33" s="1" t="s">
        <v>57</v>
      </c>
      <c r="B33" s="2" t="s">
        <v>58</v>
      </c>
      <c r="C33" s="1" t="s">
        <v>59</v>
      </c>
      <c r="D33" s="2" t="s">
        <v>60</v>
      </c>
      <c r="E33" s="1" t="s">
        <v>61</v>
      </c>
      <c r="F33" s="2" t="s">
        <v>62</v>
      </c>
      <c r="G33" s="1" t="s">
        <v>63</v>
      </c>
      <c r="H33" s="2" t="s">
        <v>64</v>
      </c>
      <c r="I33" s="1" t="s">
        <v>65</v>
      </c>
      <c r="J33" s="2" t="s">
        <v>66</v>
      </c>
      <c r="K33" s="1" t="s">
        <v>67</v>
      </c>
      <c r="L33" s="2" t="s">
        <v>68</v>
      </c>
      <c r="M33" s="1" t="s">
        <v>69</v>
      </c>
      <c r="N33" s="2" t="s">
        <v>70</v>
      </c>
      <c r="O33" s="1" t="s">
        <v>71</v>
      </c>
      <c r="P33" s="2" t="s">
        <v>72</v>
      </c>
      <c r="Q33" s="1" t="s">
        <v>73</v>
      </c>
      <c r="R33" s="2" t="s">
        <v>74</v>
      </c>
      <c r="S33" s="1" t="s">
        <v>75</v>
      </c>
      <c r="T33" s="2" t="s">
        <v>76</v>
      </c>
      <c r="U33" s="1" t="s">
        <v>77</v>
      </c>
      <c r="V33" s="2" t="s">
        <v>78</v>
      </c>
      <c r="W33" s="1" t="s">
        <v>79</v>
      </c>
      <c r="X33" s="2" t="s">
        <v>80</v>
      </c>
      <c r="Y33" s="1" t="s">
        <v>81</v>
      </c>
      <c r="Z33" s="2" t="s">
        <v>82</v>
      </c>
      <c r="AA33" s="1" t="s">
        <v>83</v>
      </c>
      <c r="AB33" s="2" t="s">
        <v>84</v>
      </c>
      <c r="AC33" s="1" t="s">
        <v>85</v>
      </c>
      <c r="AD33" s="2" t="s">
        <v>86</v>
      </c>
      <c r="AE33" s="1" t="s">
        <v>87</v>
      </c>
      <c r="AF33" s="2" t="s">
        <v>88</v>
      </c>
      <c r="AG33" s="1" t="s">
        <v>89</v>
      </c>
      <c r="AH33" s="2" t="s">
        <v>90</v>
      </c>
      <c r="AI33" s="1" t="s">
        <v>91</v>
      </c>
      <c r="AJ33" s="2" t="s">
        <v>92</v>
      </c>
      <c r="AK33" s="1" t="s">
        <v>93</v>
      </c>
    </row>
    <row r="34" spans="1:37" x14ac:dyDescent="0.4">
      <c r="A34" s="1" t="s">
        <v>57</v>
      </c>
      <c r="B34" s="2" t="s">
        <v>58</v>
      </c>
      <c r="C34" s="1" t="s">
        <v>59</v>
      </c>
      <c r="D34" s="2" t="s">
        <v>60</v>
      </c>
      <c r="E34" s="1" t="s">
        <v>61</v>
      </c>
      <c r="F34" s="2" t="s">
        <v>62</v>
      </c>
      <c r="G34" s="1" t="s">
        <v>63</v>
      </c>
      <c r="H34" s="2" t="s">
        <v>64</v>
      </c>
      <c r="I34" s="1" t="s">
        <v>65</v>
      </c>
      <c r="J34" s="2" t="s">
        <v>66</v>
      </c>
      <c r="K34" s="1" t="s">
        <v>67</v>
      </c>
      <c r="L34" s="2" t="s">
        <v>68</v>
      </c>
      <c r="M34" s="1" t="s">
        <v>69</v>
      </c>
      <c r="N34" s="2" t="s">
        <v>70</v>
      </c>
      <c r="O34" s="1" t="s">
        <v>71</v>
      </c>
      <c r="P34" s="2" t="s">
        <v>72</v>
      </c>
      <c r="Q34" s="1" t="s">
        <v>73</v>
      </c>
      <c r="R34" s="2" t="s">
        <v>74</v>
      </c>
      <c r="S34" s="1" t="s">
        <v>75</v>
      </c>
      <c r="T34" s="2" t="s">
        <v>76</v>
      </c>
      <c r="U34" s="1" t="s">
        <v>77</v>
      </c>
      <c r="V34" s="2" t="s">
        <v>78</v>
      </c>
      <c r="W34" s="1" t="s">
        <v>79</v>
      </c>
      <c r="X34" s="2" t="s">
        <v>80</v>
      </c>
      <c r="Y34" s="1" t="s">
        <v>81</v>
      </c>
      <c r="Z34" s="2" t="s">
        <v>82</v>
      </c>
      <c r="AA34" s="1" t="s">
        <v>83</v>
      </c>
      <c r="AB34" s="2" t="s">
        <v>84</v>
      </c>
      <c r="AC34" s="1" t="s">
        <v>85</v>
      </c>
      <c r="AD34" s="2" t="s">
        <v>86</v>
      </c>
      <c r="AE34" s="1" t="s">
        <v>87</v>
      </c>
      <c r="AF34" s="2" t="s">
        <v>88</v>
      </c>
      <c r="AG34" s="1" t="s">
        <v>89</v>
      </c>
      <c r="AH34" s="2" t="s">
        <v>90</v>
      </c>
      <c r="AI34" s="1" t="s">
        <v>91</v>
      </c>
      <c r="AJ34" s="2" t="s">
        <v>92</v>
      </c>
      <c r="AK34" s="1" t="s">
        <v>93</v>
      </c>
    </row>
    <row r="35" spans="1:37" x14ac:dyDescent="0.4">
      <c r="A35" s="1" t="s">
        <v>57</v>
      </c>
      <c r="B35" s="2" t="s">
        <v>58</v>
      </c>
      <c r="C35" s="1" t="s">
        <v>59</v>
      </c>
      <c r="D35" s="2" t="s">
        <v>60</v>
      </c>
      <c r="E35" s="1" t="s">
        <v>61</v>
      </c>
      <c r="F35" s="2" t="s">
        <v>62</v>
      </c>
      <c r="G35" s="1" t="s">
        <v>63</v>
      </c>
      <c r="H35" s="2" t="s">
        <v>64</v>
      </c>
      <c r="I35" s="1" t="s">
        <v>65</v>
      </c>
      <c r="J35" s="2" t="s">
        <v>66</v>
      </c>
      <c r="K35" s="1" t="s">
        <v>67</v>
      </c>
      <c r="L35" s="2" t="s">
        <v>68</v>
      </c>
      <c r="M35" s="1" t="s">
        <v>69</v>
      </c>
      <c r="N35" s="2" t="s">
        <v>70</v>
      </c>
      <c r="O35" s="1" t="s">
        <v>71</v>
      </c>
      <c r="P35" s="2" t="s">
        <v>72</v>
      </c>
      <c r="Q35" s="1" t="s">
        <v>73</v>
      </c>
      <c r="R35" s="2" t="s">
        <v>74</v>
      </c>
      <c r="S35" s="1" t="s">
        <v>75</v>
      </c>
      <c r="T35" s="2" t="s">
        <v>76</v>
      </c>
      <c r="U35" s="1" t="s">
        <v>77</v>
      </c>
      <c r="V35" s="2" t="s">
        <v>78</v>
      </c>
      <c r="W35" s="1" t="s">
        <v>79</v>
      </c>
      <c r="X35" s="2" t="s">
        <v>80</v>
      </c>
      <c r="Y35" s="1" t="s">
        <v>81</v>
      </c>
      <c r="Z35" s="2" t="s">
        <v>82</v>
      </c>
      <c r="AA35" s="1" t="s">
        <v>83</v>
      </c>
      <c r="AB35" s="2" t="s">
        <v>84</v>
      </c>
      <c r="AC35" s="1" t="s">
        <v>85</v>
      </c>
      <c r="AD35" s="2" t="s">
        <v>86</v>
      </c>
      <c r="AE35" s="1" t="s">
        <v>87</v>
      </c>
      <c r="AF35" s="2" t="s">
        <v>88</v>
      </c>
      <c r="AG35" s="1" t="s">
        <v>89</v>
      </c>
      <c r="AH35" s="2" t="s">
        <v>90</v>
      </c>
      <c r="AI35" s="1" t="s">
        <v>91</v>
      </c>
      <c r="AJ35" s="2" t="s">
        <v>92</v>
      </c>
      <c r="AK35" s="1" t="s">
        <v>93</v>
      </c>
    </row>
    <row r="36" spans="1:37" x14ac:dyDescent="0.4">
      <c r="A36" s="1" t="s">
        <v>57</v>
      </c>
      <c r="B36" s="2" t="s">
        <v>58</v>
      </c>
      <c r="C36" s="1" t="s">
        <v>59</v>
      </c>
      <c r="D36" s="2" t="s">
        <v>60</v>
      </c>
      <c r="E36" s="1" t="s">
        <v>61</v>
      </c>
      <c r="F36" s="2" t="s">
        <v>62</v>
      </c>
      <c r="G36" s="1" t="s">
        <v>63</v>
      </c>
      <c r="H36" s="2" t="s">
        <v>64</v>
      </c>
      <c r="I36" s="1" t="s">
        <v>65</v>
      </c>
      <c r="J36" s="2" t="s">
        <v>66</v>
      </c>
      <c r="K36" s="1" t="s">
        <v>67</v>
      </c>
      <c r="L36" s="2" t="s">
        <v>68</v>
      </c>
      <c r="M36" s="1" t="s">
        <v>69</v>
      </c>
      <c r="N36" s="2" t="s">
        <v>70</v>
      </c>
      <c r="O36" s="1" t="s">
        <v>71</v>
      </c>
      <c r="P36" s="2" t="s">
        <v>72</v>
      </c>
      <c r="Q36" s="1" t="s">
        <v>73</v>
      </c>
      <c r="R36" s="2" t="s">
        <v>74</v>
      </c>
      <c r="S36" s="1" t="s">
        <v>75</v>
      </c>
      <c r="T36" s="2" t="s">
        <v>76</v>
      </c>
      <c r="U36" s="1" t="s">
        <v>77</v>
      </c>
      <c r="V36" s="2" t="s">
        <v>78</v>
      </c>
      <c r="W36" s="1" t="s">
        <v>79</v>
      </c>
      <c r="X36" s="2" t="s">
        <v>80</v>
      </c>
      <c r="Y36" s="1" t="s">
        <v>81</v>
      </c>
      <c r="Z36" s="2" t="s">
        <v>82</v>
      </c>
      <c r="AA36" s="1" t="s">
        <v>83</v>
      </c>
      <c r="AB36" s="2" t="s">
        <v>84</v>
      </c>
      <c r="AC36" s="1" t="s">
        <v>85</v>
      </c>
      <c r="AD36" s="2" t="s">
        <v>86</v>
      </c>
      <c r="AE36" s="1" t="s">
        <v>87</v>
      </c>
      <c r="AF36" s="2" t="s">
        <v>88</v>
      </c>
      <c r="AG36" s="1" t="s">
        <v>89</v>
      </c>
      <c r="AH36" s="2" t="s">
        <v>90</v>
      </c>
      <c r="AI36" s="1" t="s">
        <v>91</v>
      </c>
      <c r="AJ36" s="2" t="s">
        <v>92</v>
      </c>
      <c r="AK36" s="1" t="s">
        <v>93</v>
      </c>
    </row>
    <row r="37" spans="1:37" x14ac:dyDescent="0.4">
      <c r="A37" s="1" t="s">
        <v>57</v>
      </c>
      <c r="B37" s="2" t="s">
        <v>58</v>
      </c>
      <c r="C37" s="1" t="s">
        <v>59</v>
      </c>
      <c r="D37" s="2" t="s">
        <v>60</v>
      </c>
      <c r="E37" s="1" t="s">
        <v>61</v>
      </c>
      <c r="F37" s="2" t="s">
        <v>62</v>
      </c>
      <c r="G37" s="1" t="s">
        <v>63</v>
      </c>
      <c r="H37" s="2" t="s">
        <v>64</v>
      </c>
      <c r="I37" s="1" t="s">
        <v>65</v>
      </c>
      <c r="J37" s="2" t="s">
        <v>66</v>
      </c>
      <c r="K37" s="1" t="s">
        <v>67</v>
      </c>
      <c r="L37" s="2" t="s">
        <v>68</v>
      </c>
      <c r="M37" s="1" t="s">
        <v>69</v>
      </c>
      <c r="N37" s="2" t="s">
        <v>70</v>
      </c>
      <c r="O37" s="1" t="s">
        <v>71</v>
      </c>
      <c r="P37" s="2" t="s">
        <v>72</v>
      </c>
      <c r="Q37" s="1" t="s">
        <v>73</v>
      </c>
      <c r="R37" s="2" t="s">
        <v>74</v>
      </c>
      <c r="S37" s="1" t="s">
        <v>75</v>
      </c>
      <c r="T37" s="2" t="s">
        <v>76</v>
      </c>
      <c r="U37" s="1" t="s">
        <v>77</v>
      </c>
      <c r="V37" s="2" t="s">
        <v>78</v>
      </c>
      <c r="W37" s="1" t="s">
        <v>79</v>
      </c>
      <c r="X37" s="2" t="s">
        <v>80</v>
      </c>
      <c r="Y37" s="1" t="s">
        <v>81</v>
      </c>
      <c r="Z37" s="2" t="s">
        <v>82</v>
      </c>
      <c r="AA37" s="1" t="s">
        <v>83</v>
      </c>
      <c r="AB37" s="2" t="s">
        <v>84</v>
      </c>
      <c r="AC37" s="1" t="s">
        <v>85</v>
      </c>
      <c r="AD37" s="2" t="s">
        <v>86</v>
      </c>
      <c r="AE37" s="1" t="s">
        <v>87</v>
      </c>
      <c r="AF37" s="2" t="s">
        <v>88</v>
      </c>
      <c r="AG37" s="1" t="s">
        <v>89</v>
      </c>
      <c r="AH37" s="2" t="s">
        <v>90</v>
      </c>
      <c r="AI37" s="1" t="s">
        <v>91</v>
      </c>
      <c r="AJ37" s="2" t="s">
        <v>92</v>
      </c>
      <c r="AK37" s="1" t="s">
        <v>93</v>
      </c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hargeSetting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2T11:40:35Z</dcterms:created>
  <dcterms:modified xsi:type="dcterms:W3CDTF">2024-02-22T11:50:02Z</dcterms:modified>
</cp:coreProperties>
</file>